
<file path=[Content_Types].xml><?xml version="1.0" encoding="utf-8"?>
<Types xmlns="http://schemas.openxmlformats.org/package/2006/content-types">
  <Default Extension="jpeg" ContentType="image/jpeg"/>
  <Default Extension="m4a" ContentType="audio/mp4"/>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6.xml" ContentType="application/vnd.openxmlformats-officedocument.presentationml.tags+xml"/>
  <Override PartName="/ppt/notesSlides/notesSlide4.xml" ContentType="application/vnd.openxmlformats-officedocument.presentationml.notesSlide+xml"/>
  <Override PartName="/ppt/tags/tag7.xml" ContentType="application/vnd.openxmlformats-officedocument.presentationml.tags+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15"/>
  </p:notesMasterIdLst>
  <p:handoutMasterIdLst>
    <p:handoutMasterId r:id="rId16"/>
  </p:handoutMasterIdLst>
  <p:sldIdLst>
    <p:sldId id="260" r:id="rId8"/>
    <p:sldId id="257" r:id="rId9"/>
    <p:sldId id="261" r:id="rId10"/>
    <p:sldId id="266" r:id="rId11"/>
    <p:sldId id="267" r:id="rId12"/>
    <p:sldId id="264" r:id="rId13"/>
    <p:sldId id="265" r:id="rId14"/>
  </p:sldIdLst>
  <p:sldSz cx="12190413" cy="6858000"/>
  <p:notesSz cx="6858000" cy="9144000"/>
  <p:custDataLst>
    <p:tags r:id="rId17"/>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F3EEA"/>
    <a:srgbClr val="FFFFFF"/>
    <a:srgbClr val="990000"/>
    <a:srgbClr val="000000"/>
    <a:srgbClr val="FFCC00"/>
    <a:srgbClr val="FF6600"/>
    <a:srgbClr val="FF0000"/>
    <a:srgbClr val="FF0099"/>
    <a:srgbClr val="CC3399"/>
    <a:srgbClr val="660066"/>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E158E1B-F363-496F-AE0C-8C2A894DCE49}" v="518" dt="2020-09-24T18:29:01.898"/>
  </p1510:revLst>
</p1510:revInfo>
</file>

<file path=ppt/tableStyles.xml><?xml version="1.0" encoding="utf-8"?>
<a:tblStyleLst xmlns:a="http://schemas.openxmlformats.org/drawingml/2006/main" def="{21E4AEA4-8DFA-4A89-87EB-49C32662AFE0}">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204" autoAdjust="0"/>
    <p:restoredTop sz="78518" autoAdjust="0"/>
  </p:normalViewPr>
  <p:slideViewPr>
    <p:cSldViewPr showGuides="1">
      <p:cViewPr varScale="1">
        <p:scale>
          <a:sx n="67" d="100"/>
          <a:sy n="67" d="100"/>
        </p:scale>
        <p:origin x="1277" y="38"/>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tableStyles" Target="tableStyle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handoutMaster" Target="handoutMasters/handoutMas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5" Type="http://schemas.openxmlformats.org/officeDocument/2006/relationships/customXml" Target="../customXml/item5.xml"/><Relationship Id="rId15" Type="http://schemas.openxmlformats.org/officeDocument/2006/relationships/notesMaster" Target="notesMasters/notesMaster1.xml"/><Relationship Id="rId23" Type="http://schemas.microsoft.com/office/2015/10/relationships/revisionInfo" Target="revisionInfo.xml"/><Relationship Id="rId10" Type="http://schemas.openxmlformats.org/officeDocument/2006/relationships/slide" Target="slides/slide3.xml"/><Relationship Id="rId19"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ndreas Raimund Stilling-Andersen" userId="869c4f49-8953-40cf-ad50-313b9245c074" providerId="ADAL" clId="{5E158E1B-F363-496F-AE0C-8C2A894DCE49}"/>
    <pc:docChg chg="undo custSel addSld delSld modSld">
      <pc:chgData name="Andreas Raimund Stilling-Andersen" userId="869c4f49-8953-40cf-ad50-313b9245c074" providerId="ADAL" clId="{5E158E1B-F363-496F-AE0C-8C2A894DCE49}" dt="2020-09-24T19:00:02.206" v="11835" actId="20577"/>
      <pc:docMkLst>
        <pc:docMk/>
      </pc:docMkLst>
      <pc:sldChg chg="addSp delSp modSp mod modTransition modAnim modNotesTx">
        <pc:chgData name="Andreas Raimund Stilling-Andersen" userId="869c4f49-8953-40cf-ad50-313b9245c074" providerId="ADAL" clId="{5E158E1B-F363-496F-AE0C-8C2A894DCE49}" dt="2020-09-24T18:47:19.816" v="11723" actId="20577"/>
        <pc:sldMkLst>
          <pc:docMk/>
          <pc:sldMk cId="1796381250" sldId="257"/>
        </pc:sldMkLst>
        <pc:spChg chg="mod">
          <ac:chgData name="Andreas Raimund Stilling-Andersen" userId="869c4f49-8953-40cf-ad50-313b9245c074" providerId="ADAL" clId="{5E158E1B-F363-496F-AE0C-8C2A894DCE49}" dt="2020-09-14T16:16:49.057" v="156" actId="20577"/>
          <ac:spMkLst>
            <pc:docMk/>
            <pc:sldMk cId="1796381250" sldId="257"/>
            <ac:spMk id="6" creationId="{5A5890CD-8F90-4FE7-841F-F7B0C2865BA2}"/>
          </ac:spMkLst>
        </pc:spChg>
        <pc:grpChg chg="mod">
          <ac:chgData name="Andreas Raimund Stilling-Andersen" userId="869c4f49-8953-40cf-ad50-313b9245c074" providerId="ADAL" clId="{5E158E1B-F363-496F-AE0C-8C2A894DCE49}" dt="2020-09-14T16:16:34.510" v="115" actId="1076"/>
          <ac:grpSpMkLst>
            <pc:docMk/>
            <pc:sldMk cId="1796381250" sldId="257"/>
            <ac:grpSpMk id="7" creationId="{6EAD62C1-9B05-4712-814E-4EB600BC8A3E}"/>
          </ac:grpSpMkLst>
        </pc:grpChg>
        <pc:picChg chg="add del mod">
          <ac:chgData name="Andreas Raimund Stilling-Andersen" userId="869c4f49-8953-40cf-ad50-313b9245c074" providerId="ADAL" clId="{5E158E1B-F363-496F-AE0C-8C2A894DCE49}" dt="2020-09-24T15:18:12.665" v="11533"/>
          <ac:picMkLst>
            <pc:docMk/>
            <pc:sldMk cId="1796381250" sldId="257"/>
            <ac:picMk id="2" creationId="{EACD625B-FF8B-4E25-88A1-23975817EA82}"/>
          </ac:picMkLst>
        </pc:picChg>
        <pc:picChg chg="add del mod">
          <ac:chgData name="Andreas Raimund Stilling-Andersen" userId="869c4f49-8953-40cf-ad50-313b9245c074" providerId="ADAL" clId="{5E158E1B-F363-496F-AE0C-8C2A894DCE49}" dt="2020-09-24T17:03:58.914" v="11551"/>
          <ac:picMkLst>
            <pc:docMk/>
            <pc:sldMk cId="1796381250" sldId="257"/>
            <ac:picMk id="7" creationId="{8F2E4F51-3A0F-4B58-99DB-AE0208CBBBB5}"/>
          </ac:picMkLst>
        </pc:picChg>
        <pc:picChg chg="add del mod">
          <ac:chgData name="Andreas Raimund Stilling-Andersen" userId="869c4f49-8953-40cf-ad50-313b9245c074" providerId="ADAL" clId="{5E158E1B-F363-496F-AE0C-8C2A894DCE49}" dt="2020-09-24T17:06:17.277" v="11553"/>
          <ac:picMkLst>
            <pc:docMk/>
            <pc:sldMk cId="1796381250" sldId="257"/>
            <ac:picMk id="45" creationId="{6C320D82-EDE0-4340-BA35-4977C31CDAF1}"/>
          </ac:picMkLst>
        </pc:picChg>
        <pc:picChg chg="add del mod">
          <ac:chgData name="Andreas Raimund Stilling-Andersen" userId="869c4f49-8953-40cf-ad50-313b9245c074" providerId="ADAL" clId="{5E158E1B-F363-496F-AE0C-8C2A894DCE49}" dt="2020-09-24T17:06:29.595" v="11555"/>
          <ac:picMkLst>
            <pc:docMk/>
            <pc:sldMk cId="1796381250" sldId="257"/>
            <ac:picMk id="46" creationId="{9E3A4BF9-C447-4FBF-8D7F-2276E3B8FAC5}"/>
          </ac:picMkLst>
        </pc:picChg>
        <pc:picChg chg="add del mod">
          <ac:chgData name="Andreas Raimund Stilling-Andersen" userId="869c4f49-8953-40cf-ad50-313b9245c074" providerId="ADAL" clId="{5E158E1B-F363-496F-AE0C-8C2A894DCE49}" dt="2020-09-24T17:06:56.965" v="11557"/>
          <ac:picMkLst>
            <pc:docMk/>
            <pc:sldMk cId="1796381250" sldId="257"/>
            <ac:picMk id="48" creationId="{8E5D73CA-3C9F-44E0-AD17-32E9049DB99E}"/>
          </ac:picMkLst>
        </pc:picChg>
        <pc:picChg chg="add del mod">
          <ac:chgData name="Andreas Raimund Stilling-Andersen" userId="869c4f49-8953-40cf-ad50-313b9245c074" providerId="ADAL" clId="{5E158E1B-F363-496F-AE0C-8C2A894DCE49}" dt="2020-09-24T18:04:42.755" v="11693"/>
          <ac:picMkLst>
            <pc:docMk/>
            <pc:sldMk cId="1796381250" sldId="257"/>
            <ac:picMk id="50" creationId="{B8860F99-ECAA-4A2D-B11C-37599A13D72B}"/>
          </ac:picMkLst>
        </pc:picChg>
        <pc:picChg chg="add del mod">
          <ac:chgData name="Andreas Raimund Stilling-Andersen" userId="869c4f49-8953-40cf-ad50-313b9245c074" providerId="ADAL" clId="{5E158E1B-F363-496F-AE0C-8C2A894DCE49}" dt="2020-09-24T18:06:19.783" v="11695"/>
          <ac:picMkLst>
            <pc:docMk/>
            <pc:sldMk cId="1796381250" sldId="257"/>
            <ac:picMk id="51" creationId="{01CC18A9-5459-4F42-8D9D-26D19837B2A7}"/>
          </ac:picMkLst>
        </pc:picChg>
        <pc:picChg chg="add del mod">
          <ac:chgData name="Andreas Raimund Stilling-Andersen" userId="869c4f49-8953-40cf-ad50-313b9245c074" providerId="ADAL" clId="{5E158E1B-F363-496F-AE0C-8C2A894DCE49}" dt="2020-09-24T18:07:23.828" v="11696"/>
          <ac:picMkLst>
            <pc:docMk/>
            <pc:sldMk cId="1796381250" sldId="257"/>
            <ac:picMk id="52" creationId="{4C0B84F1-3400-4CC3-84C2-EF35000192E5}"/>
          </ac:picMkLst>
        </pc:picChg>
        <pc:picChg chg="add del mod">
          <ac:chgData name="Andreas Raimund Stilling-Andersen" userId="869c4f49-8953-40cf-ad50-313b9245c074" providerId="ADAL" clId="{5E158E1B-F363-496F-AE0C-8C2A894DCE49}" dt="2020-09-24T18:08:46.830" v="11697"/>
          <ac:picMkLst>
            <pc:docMk/>
            <pc:sldMk cId="1796381250" sldId="257"/>
            <ac:picMk id="53" creationId="{6A14103F-67C7-4F8D-B479-C61E3D5AD145}"/>
          </ac:picMkLst>
        </pc:picChg>
        <pc:picChg chg="add del mod">
          <ac:chgData name="Andreas Raimund Stilling-Andersen" userId="869c4f49-8953-40cf-ad50-313b9245c074" providerId="ADAL" clId="{5E158E1B-F363-496F-AE0C-8C2A894DCE49}" dt="2020-09-24T18:08:55.207" v="11698"/>
          <ac:picMkLst>
            <pc:docMk/>
            <pc:sldMk cId="1796381250" sldId="257"/>
            <ac:picMk id="54" creationId="{1CE18FF1-1835-4A9B-A3A2-8CB1C61079FE}"/>
          </ac:picMkLst>
        </pc:picChg>
        <pc:picChg chg="add del mod">
          <ac:chgData name="Andreas Raimund Stilling-Andersen" userId="869c4f49-8953-40cf-ad50-313b9245c074" providerId="ADAL" clId="{5E158E1B-F363-496F-AE0C-8C2A894DCE49}" dt="2020-09-24T18:25:27.422" v="11708"/>
          <ac:picMkLst>
            <pc:docMk/>
            <pc:sldMk cId="1796381250" sldId="257"/>
            <ac:picMk id="55" creationId="{F4F353DF-9502-4BBE-B952-6E6C00B4B195}"/>
          </ac:picMkLst>
        </pc:picChg>
        <pc:picChg chg="add del mod">
          <ac:chgData name="Andreas Raimund Stilling-Andersen" userId="869c4f49-8953-40cf-ad50-313b9245c074" providerId="ADAL" clId="{5E158E1B-F363-496F-AE0C-8C2A894DCE49}" dt="2020-09-24T18:25:49.136" v="11709"/>
          <ac:picMkLst>
            <pc:docMk/>
            <pc:sldMk cId="1796381250" sldId="257"/>
            <ac:picMk id="56" creationId="{C0AB8AFB-FA16-4E15-804E-FED57D9CE138}"/>
          </ac:picMkLst>
        </pc:picChg>
        <pc:picChg chg="add del mod">
          <ac:chgData name="Andreas Raimund Stilling-Andersen" userId="869c4f49-8953-40cf-ad50-313b9245c074" providerId="ADAL" clId="{5E158E1B-F363-496F-AE0C-8C2A894DCE49}" dt="2020-09-24T18:26:55.947" v="11710"/>
          <ac:picMkLst>
            <pc:docMk/>
            <pc:sldMk cId="1796381250" sldId="257"/>
            <ac:picMk id="57" creationId="{C648A4CC-9A42-49C4-8478-CC1A35473FDE}"/>
          </ac:picMkLst>
        </pc:picChg>
        <pc:picChg chg="add mod">
          <ac:chgData name="Andreas Raimund Stilling-Andersen" userId="869c4f49-8953-40cf-ad50-313b9245c074" providerId="ADAL" clId="{5E158E1B-F363-496F-AE0C-8C2A894DCE49}" dt="2020-09-24T18:26:55.947" v="11710"/>
          <ac:picMkLst>
            <pc:docMk/>
            <pc:sldMk cId="1796381250" sldId="257"/>
            <ac:picMk id="58" creationId="{9DED092B-AEB3-4F1A-82F9-C65AB75F139C}"/>
          </ac:picMkLst>
        </pc:picChg>
      </pc:sldChg>
      <pc:sldChg chg="addSp delSp modSp mod modTransition modAnim modNotesTx">
        <pc:chgData name="Andreas Raimund Stilling-Andersen" userId="869c4f49-8953-40cf-ad50-313b9245c074" providerId="ADAL" clId="{5E158E1B-F363-496F-AE0C-8C2A894DCE49}" dt="2020-09-24T18:28:25.031" v="11713"/>
        <pc:sldMkLst>
          <pc:docMk/>
          <pc:sldMk cId="2320714135" sldId="260"/>
        </pc:sldMkLst>
        <pc:spChg chg="mod">
          <ac:chgData name="Andreas Raimund Stilling-Andersen" userId="869c4f49-8953-40cf-ad50-313b9245c074" providerId="ADAL" clId="{5E158E1B-F363-496F-AE0C-8C2A894DCE49}" dt="2020-09-24T14:22:53.054" v="11458" actId="14100"/>
          <ac:spMkLst>
            <pc:docMk/>
            <pc:sldMk cId="2320714135" sldId="260"/>
            <ac:spMk id="4" creationId="{674358EA-4D5B-461F-997D-DE6729900DE7}"/>
          </ac:spMkLst>
        </pc:spChg>
        <pc:spChg chg="mod">
          <ac:chgData name="Andreas Raimund Stilling-Andersen" userId="869c4f49-8953-40cf-ad50-313b9245c074" providerId="ADAL" clId="{5E158E1B-F363-496F-AE0C-8C2A894DCE49}" dt="2020-09-24T14:23:22.469" v="11466" actId="1076"/>
          <ac:spMkLst>
            <pc:docMk/>
            <pc:sldMk cId="2320714135" sldId="260"/>
            <ac:spMk id="5" creationId="{88CE6942-A17C-4247-86C6-41FACF7E90AC}"/>
          </ac:spMkLst>
        </pc:spChg>
        <pc:picChg chg="add del mod">
          <ac:chgData name="Andreas Raimund Stilling-Andersen" userId="869c4f49-8953-40cf-ad50-313b9245c074" providerId="ADAL" clId="{5E158E1B-F363-496F-AE0C-8C2A894DCE49}" dt="2020-09-24T15:18:12.665" v="11533"/>
          <ac:picMkLst>
            <pc:docMk/>
            <pc:sldMk cId="2320714135" sldId="260"/>
            <ac:picMk id="6" creationId="{1AAB91C8-EF0F-4810-A906-EA4C9B3393C8}"/>
          </ac:picMkLst>
        </pc:picChg>
        <pc:picChg chg="add del mod">
          <ac:chgData name="Andreas Raimund Stilling-Andersen" userId="869c4f49-8953-40cf-ad50-313b9245c074" providerId="ADAL" clId="{5E158E1B-F363-496F-AE0C-8C2A894DCE49}" dt="2020-09-24T15:25:06.164" v="11535"/>
          <ac:picMkLst>
            <pc:docMk/>
            <pc:sldMk cId="2320714135" sldId="260"/>
            <ac:picMk id="8" creationId="{90E7631E-C485-4A2B-B0CF-B2BC4336F0B8}"/>
          </ac:picMkLst>
        </pc:picChg>
        <pc:picChg chg="add del mod">
          <ac:chgData name="Andreas Raimund Stilling-Andersen" userId="869c4f49-8953-40cf-ad50-313b9245c074" providerId="ADAL" clId="{5E158E1B-F363-496F-AE0C-8C2A894DCE49}" dt="2020-09-24T17:58:52.248" v="11685"/>
          <ac:picMkLst>
            <pc:docMk/>
            <pc:sldMk cId="2320714135" sldId="260"/>
            <ac:picMk id="9" creationId="{0E2F6B93-5C7F-43C1-8F6D-2428D23841F3}"/>
          </ac:picMkLst>
        </pc:picChg>
        <pc:picChg chg="add del mod">
          <ac:chgData name="Andreas Raimund Stilling-Andersen" userId="869c4f49-8953-40cf-ad50-313b9245c074" providerId="ADAL" clId="{5E158E1B-F363-496F-AE0C-8C2A894DCE49}" dt="2020-09-24T17:59:17.288" v="11687"/>
          <ac:picMkLst>
            <pc:docMk/>
            <pc:sldMk cId="2320714135" sldId="260"/>
            <ac:picMk id="10" creationId="{372B503D-124A-4D6F-ABCA-093E3DF654B6}"/>
          </ac:picMkLst>
        </pc:picChg>
        <pc:picChg chg="add del mod">
          <ac:chgData name="Andreas Raimund Stilling-Andersen" userId="869c4f49-8953-40cf-ad50-313b9245c074" providerId="ADAL" clId="{5E158E1B-F363-496F-AE0C-8C2A894DCE49}" dt="2020-09-24T17:59:28.444" v="11689"/>
          <ac:picMkLst>
            <pc:docMk/>
            <pc:sldMk cId="2320714135" sldId="260"/>
            <ac:picMk id="11" creationId="{8BEB128D-A2CF-4D93-B04E-811123EC33EB}"/>
          </ac:picMkLst>
        </pc:picChg>
        <pc:picChg chg="add del mod">
          <ac:chgData name="Andreas Raimund Stilling-Andersen" userId="869c4f49-8953-40cf-ad50-313b9245c074" providerId="ADAL" clId="{5E158E1B-F363-496F-AE0C-8C2A894DCE49}" dt="2020-09-24T18:27:24.373" v="11711"/>
          <ac:picMkLst>
            <pc:docMk/>
            <pc:sldMk cId="2320714135" sldId="260"/>
            <ac:picMk id="12" creationId="{56A6AA70-FEF5-4A0B-9E1B-BB6A362B7E0B}"/>
          </ac:picMkLst>
        </pc:picChg>
        <pc:picChg chg="add del mod">
          <ac:chgData name="Andreas Raimund Stilling-Andersen" userId="869c4f49-8953-40cf-ad50-313b9245c074" providerId="ADAL" clId="{5E158E1B-F363-496F-AE0C-8C2A894DCE49}" dt="2020-09-24T18:27:53.561" v="11712"/>
          <ac:picMkLst>
            <pc:docMk/>
            <pc:sldMk cId="2320714135" sldId="260"/>
            <ac:picMk id="13" creationId="{5525AAA0-9C5C-4115-B301-63215E2A3768}"/>
          </ac:picMkLst>
        </pc:picChg>
        <pc:picChg chg="add del mod">
          <ac:chgData name="Andreas Raimund Stilling-Andersen" userId="869c4f49-8953-40cf-ad50-313b9245c074" providerId="ADAL" clId="{5E158E1B-F363-496F-AE0C-8C2A894DCE49}" dt="2020-09-24T18:28:25.031" v="11713"/>
          <ac:picMkLst>
            <pc:docMk/>
            <pc:sldMk cId="2320714135" sldId="260"/>
            <ac:picMk id="14" creationId="{99FCF2EE-7182-4CEB-A975-C71329A5AAF7}"/>
          </ac:picMkLst>
        </pc:picChg>
        <pc:picChg chg="add mod">
          <ac:chgData name="Andreas Raimund Stilling-Andersen" userId="869c4f49-8953-40cf-ad50-313b9245c074" providerId="ADAL" clId="{5E158E1B-F363-496F-AE0C-8C2A894DCE49}" dt="2020-09-24T18:28:25.031" v="11713"/>
          <ac:picMkLst>
            <pc:docMk/>
            <pc:sldMk cId="2320714135" sldId="260"/>
            <ac:picMk id="15" creationId="{D349D003-CCC0-4AD2-B3DA-1E2726D53171}"/>
          </ac:picMkLst>
        </pc:picChg>
      </pc:sldChg>
      <pc:sldChg chg="addSp delSp modSp modTransition modAnim modNotesTx">
        <pc:chgData name="Andreas Raimund Stilling-Andersen" userId="869c4f49-8953-40cf-ad50-313b9245c074" providerId="ADAL" clId="{5E158E1B-F363-496F-AE0C-8C2A894DCE49}" dt="2020-09-24T18:52:20.633" v="11773" actId="20577"/>
        <pc:sldMkLst>
          <pc:docMk/>
          <pc:sldMk cId="3213846115" sldId="261"/>
        </pc:sldMkLst>
        <pc:spChg chg="mod">
          <ac:chgData name="Andreas Raimund Stilling-Andersen" userId="869c4f49-8953-40cf-ad50-313b9245c074" providerId="ADAL" clId="{5E158E1B-F363-496F-AE0C-8C2A894DCE49}" dt="2020-09-24T18:29:01.898" v="11715" actId="20577"/>
          <ac:spMkLst>
            <pc:docMk/>
            <pc:sldMk cId="3213846115" sldId="261"/>
            <ac:spMk id="8" creationId="{FD28C4E6-7DD8-4C03-BAE2-FBF36CF09DB9}"/>
          </ac:spMkLst>
        </pc:spChg>
        <pc:picChg chg="add del mod">
          <ac:chgData name="Andreas Raimund Stilling-Andersen" userId="869c4f49-8953-40cf-ad50-313b9245c074" providerId="ADAL" clId="{5E158E1B-F363-496F-AE0C-8C2A894DCE49}" dt="2020-09-24T17:13:56.940" v="11562"/>
          <ac:picMkLst>
            <pc:docMk/>
            <pc:sldMk cId="3213846115" sldId="261"/>
            <ac:picMk id="7" creationId="{66F83533-AF51-4C41-AA15-CCC875A92F2D}"/>
          </ac:picMkLst>
        </pc:picChg>
        <pc:picChg chg="add del mod">
          <ac:chgData name="Andreas Raimund Stilling-Andersen" userId="869c4f49-8953-40cf-ad50-313b9245c074" providerId="ADAL" clId="{5E158E1B-F363-496F-AE0C-8C2A894DCE49}" dt="2020-09-24T17:14:10.582" v="11564"/>
          <ac:picMkLst>
            <pc:docMk/>
            <pc:sldMk cId="3213846115" sldId="261"/>
            <ac:picMk id="12" creationId="{DF633280-E114-4B06-A6CA-716395BA15ED}"/>
          </ac:picMkLst>
        </pc:picChg>
        <pc:picChg chg="add del mod">
          <ac:chgData name="Andreas Raimund Stilling-Andersen" userId="869c4f49-8953-40cf-ad50-313b9245c074" providerId="ADAL" clId="{5E158E1B-F363-496F-AE0C-8C2A894DCE49}" dt="2020-09-24T17:53:17.996" v="11679"/>
          <ac:picMkLst>
            <pc:docMk/>
            <pc:sldMk cId="3213846115" sldId="261"/>
            <ac:picMk id="15" creationId="{64AD51C7-BBDC-4D4B-B402-E3470BC43902}"/>
          </ac:picMkLst>
        </pc:picChg>
        <pc:picChg chg="add del mod">
          <ac:chgData name="Andreas Raimund Stilling-Andersen" userId="869c4f49-8953-40cf-ad50-313b9245c074" providerId="ADAL" clId="{5E158E1B-F363-496F-AE0C-8C2A894DCE49}" dt="2020-09-24T17:53:56.422" v="11681"/>
          <ac:picMkLst>
            <pc:docMk/>
            <pc:sldMk cId="3213846115" sldId="261"/>
            <ac:picMk id="17" creationId="{F89D9BBC-8891-4E45-9D3D-04FBD9E7179F}"/>
          </ac:picMkLst>
        </pc:picChg>
        <pc:picChg chg="add mod">
          <ac:chgData name="Andreas Raimund Stilling-Andersen" userId="869c4f49-8953-40cf-ad50-313b9245c074" providerId="ADAL" clId="{5E158E1B-F363-496F-AE0C-8C2A894DCE49}" dt="2020-09-24T17:55:35.334" v="11682"/>
          <ac:picMkLst>
            <pc:docMk/>
            <pc:sldMk cId="3213846115" sldId="261"/>
            <ac:picMk id="18" creationId="{37DC9BC1-83E5-48D5-AF37-78F25FF4CE43}"/>
          </ac:picMkLst>
        </pc:picChg>
      </pc:sldChg>
      <pc:sldChg chg="addSp delSp modSp del mod delAnim modNotesTx">
        <pc:chgData name="Andreas Raimund Stilling-Andersen" userId="869c4f49-8953-40cf-ad50-313b9245c074" providerId="ADAL" clId="{5E158E1B-F363-496F-AE0C-8C2A894DCE49}" dt="2020-09-24T15:12:33.391" v="11531" actId="47"/>
        <pc:sldMkLst>
          <pc:docMk/>
          <pc:sldMk cId="1084376942" sldId="262"/>
        </pc:sldMkLst>
        <pc:spChg chg="add del mod">
          <ac:chgData name="Andreas Raimund Stilling-Andersen" userId="869c4f49-8953-40cf-ad50-313b9245c074" providerId="ADAL" clId="{5E158E1B-F363-496F-AE0C-8C2A894DCE49}" dt="2020-09-14T16:15:35.358" v="80" actId="20577"/>
          <ac:spMkLst>
            <pc:docMk/>
            <pc:sldMk cId="1084376942" sldId="262"/>
            <ac:spMk id="3" creationId="{CFAB810B-9C99-478D-A72D-D1F40B07F2D9}"/>
          </ac:spMkLst>
        </pc:spChg>
        <pc:spChg chg="add mod">
          <ac:chgData name="Andreas Raimund Stilling-Andersen" userId="869c4f49-8953-40cf-ad50-313b9245c074" providerId="ADAL" clId="{5E158E1B-F363-496F-AE0C-8C2A894DCE49}" dt="2020-09-22T16:18:47.742" v="5886" actId="1076"/>
          <ac:spMkLst>
            <pc:docMk/>
            <pc:sldMk cId="1084376942" sldId="262"/>
            <ac:spMk id="6" creationId="{1D2A7FE2-CA9A-440B-ADAA-E6D4BB7B1165}"/>
          </ac:spMkLst>
        </pc:spChg>
        <pc:spChg chg="add mod">
          <ac:chgData name="Andreas Raimund Stilling-Andersen" userId="869c4f49-8953-40cf-ad50-313b9245c074" providerId="ADAL" clId="{5E158E1B-F363-496F-AE0C-8C2A894DCE49}" dt="2020-09-22T16:19:03.015" v="5899" actId="20577"/>
          <ac:spMkLst>
            <pc:docMk/>
            <pc:sldMk cId="1084376942" sldId="262"/>
            <ac:spMk id="7" creationId="{482A4C13-0DE7-4028-9E85-04BE8EB4A731}"/>
          </ac:spMkLst>
        </pc:spChg>
        <pc:spChg chg="add mod">
          <ac:chgData name="Andreas Raimund Stilling-Andersen" userId="869c4f49-8953-40cf-ad50-313b9245c074" providerId="ADAL" clId="{5E158E1B-F363-496F-AE0C-8C2A894DCE49}" dt="2020-09-14T16:16:25.785" v="114" actId="20577"/>
          <ac:spMkLst>
            <pc:docMk/>
            <pc:sldMk cId="1084376942" sldId="262"/>
            <ac:spMk id="11" creationId="{8EDBCEB7-588A-4688-9D21-5B567E72B32A}"/>
          </ac:spMkLst>
        </pc:spChg>
        <pc:spChg chg="add del mod">
          <ac:chgData name="Andreas Raimund Stilling-Andersen" userId="869c4f49-8953-40cf-ad50-313b9245c074" providerId="ADAL" clId="{5E158E1B-F363-496F-AE0C-8C2A894DCE49}" dt="2020-09-14T16:25:13.474" v="186" actId="478"/>
          <ac:spMkLst>
            <pc:docMk/>
            <pc:sldMk cId="1084376942" sldId="262"/>
            <ac:spMk id="19" creationId="{378B7DCE-642E-4B31-8488-788B3F8837FE}"/>
          </ac:spMkLst>
        </pc:spChg>
        <pc:spChg chg="mod">
          <ac:chgData name="Andreas Raimund Stilling-Andersen" userId="869c4f49-8953-40cf-ad50-313b9245c074" providerId="ADAL" clId="{5E158E1B-F363-496F-AE0C-8C2A894DCE49}" dt="2020-09-24T15:09:13.114" v="11515" actId="20577"/>
          <ac:spMkLst>
            <pc:docMk/>
            <pc:sldMk cId="1084376942" sldId="262"/>
            <ac:spMk id="39" creationId="{7620E5AA-3525-4B4E-B739-147249057863}"/>
          </ac:spMkLst>
        </pc:spChg>
        <pc:grpChg chg="del">
          <ac:chgData name="Andreas Raimund Stilling-Andersen" userId="869c4f49-8953-40cf-ad50-313b9245c074" providerId="ADAL" clId="{5E158E1B-F363-496F-AE0C-8C2A894DCE49}" dt="2020-09-24T15:11:21.446" v="11527" actId="478"/>
          <ac:grpSpMkLst>
            <pc:docMk/>
            <pc:sldMk cId="1084376942" sldId="262"/>
            <ac:grpSpMk id="52" creationId="{A843BB33-09F9-4DDA-AD8C-8D02EE3A0417}"/>
          </ac:grpSpMkLst>
        </pc:grpChg>
        <pc:picChg chg="add del mod">
          <ac:chgData name="Andreas Raimund Stilling-Andersen" userId="869c4f49-8953-40cf-ad50-313b9245c074" providerId="ADAL" clId="{5E158E1B-F363-496F-AE0C-8C2A894DCE49}" dt="2020-09-14T16:14:34.109" v="5" actId="931"/>
          <ac:picMkLst>
            <pc:docMk/>
            <pc:sldMk cId="1084376942" sldId="262"/>
            <ac:picMk id="7" creationId="{A00E18DE-3999-42A9-8784-5899CD0B91A7}"/>
          </ac:picMkLst>
        </pc:picChg>
        <pc:picChg chg="add mod">
          <ac:chgData name="Andreas Raimund Stilling-Andersen" userId="869c4f49-8953-40cf-ad50-313b9245c074" providerId="ADAL" clId="{5E158E1B-F363-496F-AE0C-8C2A894DCE49}" dt="2020-09-14T16:15:53.956" v="85" actId="1076"/>
          <ac:picMkLst>
            <pc:docMk/>
            <pc:sldMk cId="1084376942" sldId="262"/>
            <ac:picMk id="9" creationId="{189F6CDD-E0E3-4B25-B25C-8ACD34FFDBA4}"/>
          </ac:picMkLst>
        </pc:picChg>
        <pc:picChg chg="add mod">
          <ac:chgData name="Andreas Raimund Stilling-Andersen" userId="869c4f49-8953-40cf-ad50-313b9245c074" providerId="ADAL" clId="{5E158E1B-F363-496F-AE0C-8C2A894DCE49}" dt="2020-09-14T16:18:50.647" v="175" actId="1076"/>
          <ac:picMkLst>
            <pc:docMk/>
            <pc:sldMk cId="1084376942" sldId="262"/>
            <ac:picMk id="13" creationId="{62D13CD3-41F3-4389-9901-6CE795FC638E}"/>
          </ac:picMkLst>
        </pc:picChg>
        <pc:picChg chg="add mod">
          <ac:chgData name="Andreas Raimund Stilling-Andersen" userId="869c4f49-8953-40cf-ad50-313b9245c074" providerId="ADAL" clId="{5E158E1B-F363-496F-AE0C-8C2A894DCE49}" dt="2020-09-14T16:25:16.942" v="187" actId="1076"/>
          <ac:picMkLst>
            <pc:docMk/>
            <pc:sldMk cId="1084376942" sldId="262"/>
            <ac:picMk id="15" creationId="{B588D698-4718-474D-A018-C997642CEA74}"/>
          </ac:picMkLst>
        </pc:picChg>
        <pc:picChg chg="add mod">
          <ac:chgData name="Andreas Raimund Stilling-Andersen" userId="869c4f49-8953-40cf-ad50-313b9245c074" providerId="ADAL" clId="{5E158E1B-F363-496F-AE0C-8C2A894DCE49}" dt="2020-09-14T16:25:10.472" v="185" actId="1076"/>
          <ac:picMkLst>
            <pc:docMk/>
            <pc:sldMk cId="1084376942" sldId="262"/>
            <ac:picMk id="17" creationId="{008337BF-3E6E-4811-9539-2A8E23E911D3}"/>
          </ac:picMkLst>
        </pc:picChg>
        <pc:picChg chg="add mod">
          <ac:chgData name="Andreas Raimund Stilling-Andersen" userId="869c4f49-8953-40cf-ad50-313b9245c074" providerId="ADAL" clId="{5E158E1B-F363-496F-AE0C-8C2A894DCE49}" dt="2020-09-14T16:25:33.539" v="191" actId="962"/>
          <ac:picMkLst>
            <pc:docMk/>
            <pc:sldMk cId="1084376942" sldId="262"/>
            <ac:picMk id="21" creationId="{6093D57A-7EBA-4991-8020-3D823CB8F509}"/>
          </ac:picMkLst>
        </pc:picChg>
      </pc:sldChg>
      <pc:sldChg chg="addSp delSp modSp del mod modAnim modNotesTx">
        <pc:chgData name="Andreas Raimund Stilling-Andersen" userId="869c4f49-8953-40cf-ad50-313b9245c074" providerId="ADAL" clId="{5E158E1B-F363-496F-AE0C-8C2A894DCE49}" dt="2020-09-24T15:12:31.524" v="11530" actId="47"/>
        <pc:sldMkLst>
          <pc:docMk/>
          <pc:sldMk cId="1416056739" sldId="263"/>
        </pc:sldMkLst>
        <pc:spChg chg="mod">
          <ac:chgData name="Andreas Raimund Stilling-Andersen" userId="869c4f49-8953-40cf-ad50-313b9245c074" providerId="ADAL" clId="{5E158E1B-F363-496F-AE0C-8C2A894DCE49}" dt="2020-09-21T16:13:06.224" v="218" actId="14100"/>
          <ac:spMkLst>
            <pc:docMk/>
            <pc:sldMk cId="1416056739" sldId="263"/>
            <ac:spMk id="2" creationId="{11BBC0CE-EF11-458E-95C5-52DB03DBAFE5}"/>
          </ac:spMkLst>
        </pc:spChg>
        <pc:spChg chg="del">
          <ac:chgData name="Andreas Raimund Stilling-Andersen" userId="869c4f49-8953-40cf-ad50-313b9245c074" providerId="ADAL" clId="{5E158E1B-F363-496F-AE0C-8C2A894DCE49}" dt="2020-09-14T16:25:47.938" v="192" actId="931"/>
          <ac:spMkLst>
            <pc:docMk/>
            <pc:sldMk cId="1416056739" sldId="263"/>
            <ac:spMk id="3" creationId="{B95F3286-C249-469C-8FA3-7AB055728AB2}"/>
          </ac:spMkLst>
        </pc:spChg>
        <pc:spChg chg="mod">
          <ac:chgData name="Andreas Raimund Stilling-Andersen" userId="869c4f49-8953-40cf-ad50-313b9245c074" providerId="ADAL" clId="{5E158E1B-F363-496F-AE0C-8C2A894DCE49}" dt="2020-09-21T16:13:03.602" v="217" actId="14100"/>
          <ac:spMkLst>
            <pc:docMk/>
            <pc:sldMk cId="1416056739" sldId="263"/>
            <ac:spMk id="17" creationId="{7C306603-502A-4CF4-9119-138AC4C99404}"/>
          </ac:spMkLst>
        </pc:spChg>
        <pc:spChg chg="mod">
          <ac:chgData name="Andreas Raimund Stilling-Andersen" userId="869c4f49-8953-40cf-ad50-313b9245c074" providerId="ADAL" clId="{5E158E1B-F363-496F-AE0C-8C2A894DCE49}" dt="2020-09-24T14:23:41.384" v="11467" actId="20577"/>
          <ac:spMkLst>
            <pc:docMk/>
            <pc:sldMk cId="1416056739" sldId="263"/>
            <ac:spMk id="39" creationId="{82DD84CD-3521-4CFE-B442-9477968F95DA}"/>
          </ac:spMkLst>
        </pc:spChg>
        <pc:grpChg chg="del">
          <ac:chgData name="Andreas Raimund Stilling-Andersen" userId="869c4f49-8953-40cf-ad50-313b9245c074" providerId="ADAL" clId="{5E158E1B-F363-496F-AE0C-8C2A894DCE49}" dt="2020-09-24T15:11:26.386" v="11529" actId="478"/>
          <ac:grpSpMkLst>
            <pc:docMk/>
            <pc:sldMk cId="1416056739" sldId="263"/>
            <ac:grpSpMk id="20" creationId="{ABA261D1-DBD1-436D-B5EF-D3EA01168ED1}"/>
          </ac:grpSpMkLst>
        </pc:grpChg>
        <pc:grpChg chg="del">
          <ac:chgData name="Andreas Raimund Stilling-Andersen" userId="869c4f49-8953-40cf-ad50-313b9245c074" providerId="ADAL" clId="{5E158E1B-F363-496F-AE0C-8C2A894DCE49}" dt="2020-09-24T15:11:25.112" v="11528" actId="478"/>
          <ac:grpSpMkLst>
            <pc:docMk/>
            <pc:sldMk cId="1416056739" sldId="263"/>
            <ac:grpSpMk id="56" creationId="{EFD32138-191D-439E-8D08-76B782DE96EA}"/>
          </ac:grpSpMkLst>
        </pc:grpChg>
        <pc:graphicFrameChg chg="add mod">
          <ac:chgData name="Andreas Raimund Stilling-Andersen" userId="869c4f49-8953-40cf-ad50-313b9245c074" providerId="ADAL" clId="{5E158E1B-F363-496F-AE0C-8C2A894DCE49}" dt="2020-09-14T16:32:30.853" v="216" actId="1076"/>
          <ac:graphicFrameMkLst>
            <pc:docMk/>
            <pc:sldMk cId="1416056739" sldId="263"/>
            <ac:graphicFrameMk id="16" creationId="{0F6113FB-36BB-4A40-9AC8-5E18D24A5AFE}"/>
          </ac:graphicFrameMkLst>
        </pc:graphicFrameChg>
        <pc:picChg chg="add mod">
          <ac:chgData name="Andreas Raimund Stilling-Andersen" userId="869c4f49-8953-40cf-ad50-313b9245c074" providerId="ADAL" clId="{5E158E1B-F363-496F-AE0C-8C2A894DCE49}" dt="2020-09-14T16:26:00.770" v="200" actId="1076"/>
          <ac:picMkLst>
            <pc:docMk/>
            <pc:sldMk cId="1416056739" sldId="263"/>
            <ac:picMk id="7" creationId="{43CBB7E2-60E4-4F83-94C4-20E2609D6764}"/>
          </ac:picMkLst>
        </pc:picChg>
        <pc:picChg chg="add mod">
          <ac:chgData name="Andreas Raimund Stilling-Andersen" userId="869c4f49-8953-40cf-ad50-313b9245c074" providerId="ADAL" clId="{5E158E1B-F363-496F-AE0C-8C2A894DCE49}" dt="2020-09-14T16:26:02.656" v="201" actId="1076"/>
          <ac:picMkLst>
            <pc:docMk/>
            <pc:sldMk cId="1416056739" sldId="263"/>
            <ac:picMk id="9" creationId="{B7858A4D-E008-4FCF-923B-88CAC2FA2BE7}"/>
          </ac:picMkLst>
        </pc:picChg>
        <pc:picChg chg="add mod">
          <ac:chgData name="Andreas Raimund Stilling-Andersen" userId="869c4f49-8953-40cf-ad50-313b9245c074" providerId="ADAL" clId="{5E158E1B-F363-496F-AE0C-8C2A894DCE49}" dt="2020-09-14T16:26:13.458" v="205" actId="962"/>
          <ac:picMkLst>
            <pc:docMk/>
            <pc:sldMk cId="1416056739" sldId="263"/>
            <ac:picMk id="11" creationId="{7AEBF112-CD7A-4A17-A698-D45E6E5D888C}"/>
          </ac:picMkLst>
        </pc:picChg>
        <pc:picChg chg="add mod">
          <ac:chgData name="Andreas Raimund Stilling-Andersen" userId="869c4f49-8953-40cf-ad50-313b9245c074" providerId="ADAL" clId="{5E158E1B-F363-496F-AE0C-8C2A894DCE49}" dt="2020-09-14T16:26:25.505" v="209" actId="962"/>
          <ac:picMkLst>
            <pc:docMk/>
            <pc:sldMk cId="1416056739" sldId="263"/>
            <ac:picMk id="13" creationId="{AC72FD74-C131-468D-A566-E8091F6B7313}"/>
          </ac:picMkLst>
        </pc:picChg>
        <pc:picChg chg="add mod">
          <ac:chgData name="Andreas Raimund Stilling-Andersen" userId="869c4f49-8953-40cf-ad50-313b9245c074" providerId="ADAL" clId="{5E158E1B-F363-496F-AE0C-8C2A894DCE49}" dt="2020-09-14T16:26:43.256" v="214" actId="1076"/>
          <ac:picMkLst>
            <pc:docMk/>
            <pc:sldMk cId="1416056739" sldId="263"/>
            <ac:picMk id="15" creationId="{56FEE14F-74CD-44A5-B291-EFEA3CF1B4D3}"/>
          </ac:picMkLst>
        </pc:picChg>
      </pc:sldChg>
      <pc:sldChg chg="addSp delSp modSp mod modTransition modNotesTx">
        <pc:chgData name="Andreas Raimund Stilling-Andersen" userId="869c4f49-8953-40cf-ad50-313b9245c074" providerId="ADAL" clId="{5E158E1B-F363-496F-AE0C-8C2A894DCE49}" dt="2020-09-24T18:58:58.677" v="11830" actId="20577"/>
        <pc:sldMkLst>
          <pc:docMk/>
          <pc:sldMk cId="4283609295" sldId="264"/>
        </pc:sldMkLst>
        <pc:spChg chg="mod">
          <ac:chgData name="Andreas Raimund Stilling-Andersen" userId="869c4f49-8953-40cf-ad50-313b9245c074" providerId="ADAL" clId="{5E158E1B-F363-496F-AE0C-8C2A894DCE49}" dt="2020-09-21T16:15:23.620" v="256" actId="20577"/>
          <ac:spMkLst>
            <pc:docMk/>
            <pc:sldMk cId="4283609295" sldId="264"/>
            <ac:spMk id="2" creationId="{DB3199F9-0F2A-4C11-A1BA-A9121990D8E5}"/>
          </ac:spMkLst>
        </pc:spChg>
        <pc:spChg chg="add del mod">
          <ac:chgData name="Andreas Raimund Stilling-Andersen" userId="869c4f49-8953-40cf-ad50-313b9245c074" providerId="ADAL" clId="{5E158E1B-F363-496F-AE0C-8C2A894DCE49}" dt="2020-09-21T16:48:52.049" v="362" actId="20577"/>
          <ac:spMkLst>
            <pc:docMk/>
            <pc:sldMk cId="4283609295" sldId="264"/>
            <ac:spMk id="8" creationId="{C34D33DE-A11A-4526-A368-79C3FF2AB0EE}"/>
          </ac:spMkLst>
        </pc:spChg>
        <pc:spChg chg="add mod">
          <ac:chgData name="Andreas Raimund Stilling-Andersen" userId="869c4f49-8953-40cf-ad50-313b9245c074" providerId="ADAL" clId="{5E158E1B-F363-496F-AE0C-8C2A894DCE49}" dt="2020-09-21T16:48:11.043" v="327" actId="1076"/>
          <ac:spMkLst>
            <pc:docMk/>
            <pc:sldMk cId="4283609295" sldId="264"/>
            <ac:spMk id="10" creationId="{24B7F485-CAC2-4F1A-8E01-79F368DBBFBC}"/>
          </ac:spMkLst>
        </pc:spChg>
        <pc:spChg chg="add mod">
          <ac:chgData name="Andreas Raimund Stilling-Andersen" userId="869c4f49-8953-40cf-ad50-313b9245c074" providerId="ADAL" clId="{5E158E1B-F363-496F-AE0C-8C2A894DCE49}" dt="2020-09-21T16:49:44.186" v="366" actId="1076"/>
          <ac:spMkLst>
            <pc:docMk/>
            <pc:sldMk cId="4283609295" sldId="264"/>
            <ac:spMk id="12" creationId="{9EF49FCF-B238-4F54-9D4F-B890C48D29F5}"/>
          </ac:spMkLst>
        </pc:spChg>
        <pc:spChg chg="add del mod">
          <ac:chgData name="Andreas Raimund Stilling-Andersen" userId="869c4f49-8953-40cf-ad50-313b9245c074" providerId="ADAL" clId="{5E158E1B-F363-496F-AE0C-8C2A894DCE49}" dt="2020-09-21T16:57:44.894" v="371"/>
          <ac:spMkLst>
            <pc:docMk/>
            <pc:sldMk cId="4283609295" sldId="264"/>
            <ac:spMk id="14" creationId="{A0041CE4-D98F-40A5-B4D6-CDED410B3EA4}"/>
          </ac:spMkLst>
        </pc:spChg>
        <pc:spChg chg="add mod">
          <ac:chgData name="Andreas Raimund Stilling-Andersen" userId="869c4f49-8953-40cf-ad50-313b9245c074" providerId="ADAL" clId="{5E158E1B-F363-496F-AE0C-8C2A894DCE49}" dt="2020-09-22T16:44:54.805" v="8116" actId="20577"/>
          <ac:spMkLst>
            <pc:docMk/>
            <pc:sldMk cId="4283609295" sldId="264"/>
            <ac:spMk id="15" creationId="{85C219E2-7E03-4D73-8503-AF7D4C302B83}"/>
          </ac:spMkLst>
        </pc:spChg>
        <pc:spChg chg="add mod">
          <ac:chgData name="Andreas Raimund Stilling-Andersen" userId="869c4f49-8953-40cf-ad50-313b9245c074" providerId="ADAL" clId="{5E158E1B-F363-496F-AE0C-8C2A894DCE49}" dt="2020-09-24T15:10:42.339" v="11519" actId="1076"/>
          <ac:spMkLst>
            <pc:docMk/>
            <pc:sldMk cId="4283609295" sldId="264"/>
            <ac:spMk id="17" creationId="{74B09FC6-937E-46A1-B581-793E35460B50}"/>
          </ac:spMkLst>
        </pc:spChg>
        <pc:spChg chg="add mod">
          <ac:chgData name="Andreas Raimund Stilling-Andersen" userId="869c4f49-8953-40cf-ad50-313b9245c074" providerId="ADAL" clId="{5E158E1B-F363-496F-AE0C-8C2A894DCE49}" dt="2020-09-24T15:10:31.324" v="11518" actId="1076"/>
          <ac:spMkLst>
            <pc:docMk/>
            <pc:sldMk cId="4283609295" sldId="264"/>
            <ac:spMk id="19" creationId="{D74FF72E-F9DF-4C9F-A5A6-729AA439E545}"/>
          </ac:spMkLst>
        </pc:spChg>
        <pc:spChg chg="add mod">
          <ac:chgData name="Andreas Raimund Stilling-Andersen" userId="869c4f49-8953-40cf-ad50-313b9245c074" providerId="ADAL" clId="{5E158E1B-F363-496F-AE0C-8C2A894DCE49}" dt="2020-09-24T15:10:28.705" v="11517" actId="1076"/>
          <ac:spMkLst>
            <pc:docMk/>
            <pc:sldMk cId="4283609295" sldId="264"/>
            <ac:spMk id="23" creationId="{C92639C1-3949-42EC-8BCB-3A2900378FD6}"/>
          </ac:spMkLst>
        </pc:spChg>
        <pc:spChg chg="add mod">
          <ac:chgData name="Andreas Raimund Stilling-Andersen" userId="869c4f49-8953-40cf-ad50-313b9245c074" providerId="ADAL" clId="{5E158E1B-F363-496F-AE0C-8C2A894DCE49}" dt="2020-09-24T15:10:25.626" v="11516" actId="1076"/>
          <ac:spMkLst>
            <pc:docMk/>
            <pc:sldMk cId="4283609295" sldId="264"/>
            <ac:spMk id="24" creationId="{0B13C58F-F0AB-4995-9956-6A74987B352E}"/>
          </ac:spMkLst>
        </pc:spChg>
        <pc:graphicFrameChg chg="mod ord modGraphic">
          <ac:chgData name="Andreas Raimund Stilling-Andersen" userId="869c4f49-8953-40cf-ad50-313b9245c074" providerId="ADAL" clId="{5E158E1B-F363-496F-AE0C-8C2A894DCE49}" dt="2020-09-24T15:10:46.810" v="11520" actId="1076"/>
          <ac:graphicFrameMkLst>
            <pc:docMk/>
            <pc:sldMk cId="4283609295" sldId="264"/>
            <ac:graphicFrameMk id="20" creationId="{59E919B2-7A92-4D81-A351-4C571EE74AD0}"/>
          </ac:graphicFrameMkLst>
        </pc:graphicFrameChg>
        <pc:picChg chg="add del mod">
          <ac:chgData name="Andreas Raimund Stilling-Andersen" userId="869c4f49-8953-40cf-ad50-313b9245c074" providerId="ADAL" clId="{5E158E1B-F363-496F-AE0C-8C2A894DCE49}" dt="2020-09-24T18:10:30.968" v="11700"/>
          <ac:picMkLst>
            <pc:docMk/>
            <pc:sldMk cId="4283609295" sldId="264"/>
            <ac:picMk id="3" creationId="{AF74FCE6-A7A2-41B3-9C2D-33E18036CC33}"/>
          </ac:picMkLst>
        </pc:picChg>
        <pc:picChg chg="add del mod">
          <ac:chgData name="Andreas Raimund Stilling-Andersen" userId="869c4f49-8953-40cf-ad50-313b9245c074" providerId="ADAL" clId="{5E158E1B-F363-496F-AE0C-8C2A894DCE49}" dt="2020-09-21T16:15:58.688" v="258" actId="931"/>
          <ac:picMkLst>
            <pc:docMk/>
            <pc:sldMk cId="4283609295" sldId="264"/>
            <ac:picMk id="6" creationId="{35342124-32D3-41E1-9949-3A2C16600191}"/>
          </ac:picMkLst>
        </pc:picChg>
        <pc:picChg chg="add mod">
          <ac:chgData name="Andreas Raimund Stilling-Andersen" userId="869c4f49-8953-40cf-ad50-313b9245c074" providerId="ADAL" clId="{5E158E1B-F363-496F-AE0C-8C2A894DCE49}" dt="2020-09-22T18:04:34.425" v="11433" actId="14100"/>
          <ac:picMkLst>
            <pc:docMk/>
            <pc:sldMk cId="4283609295" sldId="264"/>
            <ac:picMk id="6" creationId="{3C49C4AF-3F38-4AEE-8D6E-3FE4DBCECC5C}"/>
          </ac:picMkLst>
        </pc:picChg>
        <pc:picChg chg="add del mod">
          <ac:chgData name="Andreas Raimund Stilling-Andersen" userId="869c4f49-8953-40cf-ad50-313b9245c074" providerId="ADAL" clId="{5E158E1B-F363-496F-AE0C-8C2A894DCE49}" dt="2020-09-24T18:11:50.930" v="11701"/>
          <ac:picMkLst>
            <pc:docMk/>
            <pc:sldMk cId="4283609295" sldId="264"/>
            <ac:picMk id="7" creationId="{29B1DC7E-AB93-43BD-BC74-C730215C8E29}"/>
          </ac:picMkLst>
        </pc:picChg>
        <pc:picChg chg="add del mod">
          <ac:chgData name="Andreas Raimund Stilling-Andersen" userId="869c4f49-8953-40cf-ad50-313b9245c074" providerId="ADAL" clId="{5E158E1B-F363-496F-AE0C-8C2A894DCE49}" dt="2020-09-22T18:04:28.998" v="11430" actId="478"/>
          <ac:picMkLst>
            <pc:docMk/>
            <pc:sldMk cId="4283609295" sldId="264"/>
            <ac:picMk id="9" creationId="{124B6F98-68AA-483B-9208-CCB595624D75}"/>
          </ac:picMkLst>
        </pc:picChg>
        <pc:picChg chg="add del mod">
          <ac:chgData name="Andreas Raimund Stilling-Andersen" userId="869c4f49-8953-40cf-ad50-313b9245c074" providerId="ADAL" clId="{5E158E1B-F363-496F-AE0C-8C2A894DCE49}" dt="2020-09-24T18:12:00.119" v="11702"/>
          <ac:picMkLst>
            <pc:docMk/>
            <pc:sldMk cId="4283609295" sldId="264"/>
            <ac:picMk id="9" creationId="{651DBE6B-4533-4559-B5BF-1F4451FBEFEA}"/>
          </ac:picMkLst>
        </pc:picChg>
        <pc:picChg chg="add del mod">
          <ac:chgData name="Andreas Raimund Stilling-Andersen" userId="869c4f49-8953-40cf-ad50-313b9245c074" providerId="ADAL" clId="{5E158E1B-F363-496F-AE0C-8C2A894DCE49}" dt="2020-09-24T18:12:16.970" v="11703"/>
          <ac:picMkLst>
            <pc:docMk/>
            <pc:sldMk cId="4283609295" sldId="264"/>
            <ac:picMk id="11" creationId="{9CFC977C-F8A5-4773-BDC8-64CA62A64C48}"/>
          </ac:picMkLst>
        </pc:picChg>
        <pc:picChg chg="add del mod">
          <ac:chgData name="Andreas Raimund Stilling-Andersen" userId="869c4f49-8953-40cf-ad50-313b9245c074" providerId="ADAL" clId="{5E158E1B-F363-496F-AE0C-8C2A894DCE49}" dt="2020-09-24T18:13:35.903" v="11704"/>
          <ac:picMkLst>
            <pc:docMk/>
            <pc:sldMk cId="4283609295" sldId="264"/>
            <ac:picMk id="13" creationId="{F2E23B1C-1AF4-4659-9B51-A6621FF74B8E}"/>
          </ac:picMkLst>
        </pc:picChg>
        <pc:picChg chg="add del mod">
          <ac:chgData name="Andreas Raimund Stilling-Andersen" userId="869c4f49-8953-40cf-ad50-313b9245c074" providerId="ADAL" clId="{5E158E1B-F363-496F-AE0C-8C2A894DCE49}" dt="2020-09-24T18:13:49.889" v="11705"/>
          <ac:picMkLst>
            <pc:docMk/>
            <pc:sldMk cId="4283609295" sldId="264"/>
            <ac:picMk id="14" creationId="{03A99897-A1AC-4962-9F03-6C8B1C958832}"/>
          </ac:picMkLst>
        </pc:picChg>
        <pc:picChg chg="add del mod">
          <ac:chgData name="Andreas Raimund Stilling-Andersen" userId="869c4f49-8953-40cf-ad50-313b9245c074" providerId="ADAL" clId="{5E158E1B-F363-496F-AE0C-8C2A894DCE49}" dt="2020-09-24T18:14:11.829" v="11706"/>
          <ac:picMkLst>
            <pc:docMk/>
            <pc:sldMk cId="4283609295" sldId="264"/>
            <ac:picMk id="16" creationId="{04691514-C3E7-432C-A926-A19EE6A8D5D2}"/>
          </ac:picMkLst>
        </pc:picChg>
        <pc:picChg chg="add del mod">
          <ac:chgData name="Andreas Raimund Stilling-Andersen" userId="869c4f49-8953-40cf-ad50-313b9245c074" providerId="ADAL" clId="{5E158E1B-F363-496F-AE0C-8C2A894DCE49}" dt="2020-09-24T18:15:38.811" v="11707"/>
          <ac:picMkLst>
            <pc:docMk/>
            <pc:sldMk cId="4283609295" sldId="264"/>
            <ac:picMk id="18" creationId="{07ED0C7D-6038-4056-AF59-B795DDF5718A}"/>
          </ac:picMkLst>
        </pc:picChg>
        <pc:picChg chg="add mod">
          <ac:chgData name="Andreas Raimund Stilling-Andersen" userId="869c4f49-8953-40cf-ad50-313b9245c074" providerId="ADAL" clId="{5E158E1B-F363-496F-AE0C-8C2A894DCE49}" dt="2020-09-24T18:15:38.811" v="11707"/>
          <ac:picMkLst>
            <pc:docMk/>
            <pc:sldMk cId="4283609295" sldId="264"/>
            <ac:picMk id="21" creationId="{A31473BA-4D58-47E5-BB24-140505E843B5}"/>
          </ac:picMkLst>
        </pc:picChg>
      </pc:sldChg>
      <pc:sldChg chg="addSp delSp modSp new mod modTransition modAnim modNotesTx">
        <pc:chgData name="Andreas Raimund Stilling-Andersen" userId="869c4f49-8953-40cf-ad50-313b9245c074" providerId="ADAL" clId="{5E158E1B-F363-496F-AE0C-8C2A894DCE49}" dt="2020-09-24T19:00:02.206" v="11835" actId="20577"/>
        <pc:sldMkLst>
          <pc:docMk/>
          <pc:sldMk cId="3651754506" sldId="265"/>
        </pc:sldMkLst>
        <pc:spChg chg="mod">
          <ac:chgData name="Andreas Raimund Stilling-Andersen" userId="869c4f49-8953-40cf-ad50-313b9245c074" providerId="ADAL" clId="{5E158E1B-F363-496F-AE0C-8C2A894DCE49}" dt="2020-09-21T17:08:32.807" v="534" actId="20577"/>
          <ac:spMkLst>
            <pc:docMk/>
            <pc:sldMk cId="3651754506" sldId="265"/>
            <ac:spMk id="2" creationId="{6221EFB0-1784-4ABD-BCA5-6CDDB3D7993B}"/>
          </ac:spMkLst>
        </pc:spChg>
        <pc:spChg chg="mod">
          <ac:chgData name="Andreas Raimund Stilling-Andersen" userId="869c4f49-8953-40cf-ad50-313b9245c074" providerId="ADAL" clId="{5E158E1B-F363-496F-AE0C-8C2A894DCE49}" dt="2020-09-24T14:25:17.271" v="11485" actId="20577"/>
          <ac:spMkLst>
            <pc:docMk/>
            <pc:sldMk cId="3651754506" sldId="265"/>
            <ac:spMk id="3" creationId="{EEDEC3A8-E6F7-4C6D-BD17-A909AC62FF4A}"/>
          </ac:spMkLst>
        </pc:spChg>
        <pc:picChg chg="add del mod">
          <ac:chgData name="Andreas Raimund Stilling-Andersen" userId="869c4f49-8953-40cf-ad50-313b9245c074" providerId="ADAL" clId="{5E158E1B-F363-496F-AE0C-8C2A894DCE49}" dt="2020-09-24T17:45:57.537" v="11671"/>
          <ac:picMkLst>
            <pc:docMk/>
            <pc:sldMk cId="3651754506" sldId="265"/>
            <ac:picMk id="6" creationId="{BEC73BB3-0E43-408F-9482-65809AF906DB}"/>
          </ac:picMkLst>
        </pc:picChg>
        <pc:picChg chg="add del mod">
          <ac:chgData name="Andreas Raimund Stilling-Andersen" userId="869c4f49-8953-40cf-ad50-313b9245c074" providerId="ADAL" clId="{5E158E1B-F363-496F-AE0C-8C2A894DCE49}" dt="2020-09-24T17:48:01.861" v="11673"/>
          <ac:picMkLst>
            <pc:docMk/>
            <pc:sldMk cId="3651754506" sldId="265"/>
            <ac:picMk id="7" creationId="{0B99048B-58F9-4889-83DB-794BED3EC326}"/>
          </ac:picMkLst>
        </pc:picChg>
        <pc:picChg chg="add del mod">
          <ac:chgData name="Andreas Raimund Stilling-Andersen" userId="869c4f49-8953-40cf-ad50-313b9245c074" providerId="ADAL" clId="{5E158E1B-F363-496F-AE0C-8C2A894DCE49}" dt="2020-09-24T17:49:02.590" v="11675"/>
          <ac:picMkLst>
            <pc:docMk/>
            <pc:sldMk cId="3651754506" sldId="265"/>
            <ac:picMk id="8" creationId="{C6C87F0A-BCD1-4AF5-BB20-EAB91C1146A0}"/>
          </ac:picMkLst>
        </pc:picChg>
        <pc:picChg chg="add del mod">
          <ac:chgData name="Andreas Raimund Stilling-Andersen" userId="869c4f49-8953-40cf-ad50-313b9245c074" providerId="ADAL" clId="{5E158E1B-F363-496F-AE0C-8C2A894DCE49}" dt="2020-09-24T17:50:12.830" v="11677"/>
          <ac:picMkLst>
            <pc:docMk/>
            <pc:sldMk cId="3651754506" sldId="265"/>
            <ac:picMk id="9" creationId="{F4B52D05-D355-4F75-AEE1-ED7C86F423A2}"/>
          </ac:picMkLst>
        </pc:picChg>
        <pc:picChg chg="add mod">
          <ac:chgData name="Andreas Raimund Stilling-Andersen" userId="869c4f49-8953-40cf-ad50-313b9245c074" providerId="ADAL" clId="{5E158E1B-F363-496F-AE0C-8C2A894DCE49}" dt="2020-09-24T17:51:28.317" v="11678"/>
          <ac:picMkLst>
            <pc:docMk/>
            <pc:sldMk cId="3651754506" sldId="265"/>
            <ac:picMk id="10" creationId="{FC120C6A-A67F-4A72-A256-ACAA1E9C6D4D}"/>
          </ac:picMkLst>
        </pc:picChg>
      </pc:sldChg>
      <pc:sldChg chg="addSp delSp modSp add mod modTransition addAnim delAnim modAnim modNotesTx">
        <pc:chgData name="Andreas Raimund Stilling-Andersen" userId="869c4f49-8953-40cf-ad50-313b9245c074" providerId="ADAL" clId="{5E158E1B-F363-496F-AE0C-8C2A894DCE49}" dt="2020-09-24T18:54:16.836" v="11785" actId="20577"/>
        <pc:sldMkLst>
          <pc:docMk/>
          <pc:sldMk cId="2559137551" sldId="266"/>
        </pc:sldMkLst>
        <pc:grpChg chg="add del">
          <ac:chgData name="Andreas Raimund Stilling-Andersen" userId="869c4f49-8953-40cf-ad50-313b9245c074" providerId="ADAL" clId="{5E158E1B-F363-496F-AE0C-8C2A894DCE49}" dt="2020-09-24T15:11:17.544" v="11526" actId="478"/>
          <ac:grpSpMkLst>
            <pc:docMk/>
            <pc:sldMk cId="2559137551" sldId="266"/>
            <ac:grpSpMk id="52" creationId="{A843BB33-09F9-4DDA-AD8C-8D02EE3A0417}"/>
          </ac:grpSpMkLst>
        </pc:grpChg>
        <pc:picChg chg="add del mod">
          <ac:chgData name="Andreas Raimund Stilling-Andersen" userId="869c4f49-8953-40cf-ad50-313b9245c074" providerId="ADAL" clId="{5E158E1B-F363-496F-AE0C-8C2A894DCE49}" dt="2020-09-24T17:19:18.752" v="11567"/>
          <ac:picMkLst>
            <pc:docMk/>
            <pc:sldMk cId="2559137551" sldId="266"/>
            <ac:picMk id="8" creationId="{62077E31-8DA9-49D0-B415-27CA3217E4CE}"/>
          </ac:picMkLst>
        </pc:picChg>
        <pc:picChg chg="add del mod">
          <ac:chgData name="Andreas Raimund Stilling-Andersen" userId="869c4f49-8953-40cf-ad50-313b9245c074" providerId="ADAL" clId="{5E158E1B-F363-496F-AE0C-8C2A894DCE49}" dt="2020-09-24T17:20:13.680" v="11569"/>
          <ac:picMkLst>
            <pc:docMk/>
            <pc:sldMk cId="2559137551" sldId="266"/>
            <ac:picMk id="10" creationId="{0366B02D-D81A-4E48-8994-8742CF8F9AD7}"/>
          </ac:picMkLst>
        </pc:picChg>
        <pc:picChg chg="add del mod">
          <ac:chgData name="Andreas Raimund Stilling-Andersen" userId="869c4f49-8953-40cf-ad50-313b9245c074" providerId="ADAL" clId="{5E158E1B-F363-496F-AE0C-8C2A894DCE49}" dt="2020-09-24T17:21:54.085" v="11571"/>
          <ac:picMkLst>
            <pc:docMk/>
            <pc:sldMk cId="2559137551" sldId="266"/>
            <ac:picMk id="12" creationId="{851455B4-91DF-445F-BF57-EBD998695CCD}"/>
          </ac:picMkLst>
        </pc:picChg>
        <pc:picChg chg="add del mod">
          <ac:chgData name="Andreas Raimund Stilling-Andersen" userId="869c4f49-8953-40cf-ad50-313b9245c074" providerId="ADAL" clId="{5E158E1B-F363-496F-AE0C-8C2A894DCE49}" dt="2020-09-24T17:26:59.652" v="11654"/>
          <ac:picMkLst>
            <pc:docMk/>
            <pc:sldMk cId="2559137551" sldId="266"/>
            <ac:picMk id="13" creationId="{5D331E99-CDF2-4F6A-BBFA-586D273FA3B5}"/>
          </ac:picMkLst>
        </pc:picChg>
        <pc:picChg chg="add del mod">
          <ac:chgData name="Andreas Raimund Stilling-Andersen" userId="869c4f49-8953-40cf-ad50-313b9245c074" providerId="ADAL" clId="{5E158E1B-F363-496F-AE0C-8C2A894DCE49}" dt="2020-09-24T17:27:18.041" v="11656"/>
          <ac:picMkLst>
            <pc:docMk/>
            <pc:sldMk cId="2559137551" sldId="266"/>
            <ac:picMk id="14" creationId="{CA8C990B-CA82-4CD9-8B5A-EAD3C1421428}"/>
          </ac:picMkLst>
        </pc:picChg>
        <pc:picChg chg="add del mod">
          <ac:chgData name="Andreas Raimund Stilling-Andersen" userId="869c4f49-8953-40cf-ad50-313b9245c074" providerId="ADAL" clId="{5E158E1B-F363-496F-AE0C-8C2A894DCE49}" dt="2020-09-24T17:28:39.563" v="11658"/>
          <ac:picMkLst>
            <pc:docMk/>
            <pc:sldMk cId="2559137551" sldId="266"/>
            <ac:picMk id="15" creationId="{6585EE0E-861B-4AA2-B3E2-C0811E0D879B}"/>
          </ac:picMkLst>
        </pc:picChg>
        <pc:picChg chg="add del mod">
          <ac:chgData name="Andreas Raimund Stilling-Andersen" userId="869c4f49-8953-40cf-ad50-313b9245c074" providerId="ADAL" clId="{5E158E1B-F363-496F-AE0C-8C2A894DCE49}" dt="2020-09-24T17:28:51.305" v="11660"/>
          <ac:picMkLst>
            <pc:docMk/>
            <pc:sldMk cId="2559137551" sldId="266"/>
            <ac:picMk id="16" creationId="{87C148C8-E9EA-4635-B9BE-F9B5219233A4}"/>
          </ac:picMkLst>
        </pc:picChg>
        <pc:picChg chg="add del mod">
          <ac:chgData name="Andreas Raimund Stilling-Andersen" userId="869c4f49-8953-40cf-ad50-313b9245c074" providerId="ADAL" clId="{5E158E1B-F363-496F-AE0C-8C2A894DCE49}" dt="2020-09-24T17:57:07.162" v="11683"/>
          <ac:picMkLst>
            <pc:docMk/>
            <pc:sldMk cId="2559137551" sldId="266"/>
            <ac:picMk id="17" creationId="{A0FF3F19-4D38-484C-A76B-F23EC6FB2D4E}"/>
          </ac:picMkLst>
        </pc:picChg>
        <pc:picChg chg="add mod">
          <ac:chgData name="Andreas Raimund Stilling-Andersen" userId="869c4f49-8953-40cf-ad50-313b9245c074" providerId="ADAL" clId="{5E158E1B-F363-496F-AE0C-8C2A894DCE49}" dt="2020-09-24T17:58:39.239" v="11684"/>
          <ac:picMkLst>
            <pc:docMk/>
            <pc:sldMk cId="2559137551" sldId="266"/>
            <ac:picMk id="18" creationId="{BF7E5C75-D122-44A6-8504-31EC6EC1CE4B}"/>
          </ac:picMkLst>
        </pc:picChg>
      </pc:sldChg>
      <pc:sldChg chg="addSp delSp modSp add modTransition modAnim modNotesTx">
        <pc:chgData name="Andreas Raimund Stilling-Andersen" userId="869c4f49-8953-40cf-ad50-313b9245c074" providerId="ADAL" clId="{5E158E1B-F363-496F-AE0C-8C2A894DCE49}" dt="2020-09-24T18:57:11.466" v="11801" actId="20577"/>
        <pc:sldMkLst>
          <pc:docMk/>
          <pc:sldMk cId="1541113851" sldId="267"/>
        </pc:sldMkLst>
        <pc:grpChg chg="add del">
          <ac:chgData name="Andreas Raimund Stilling-Andersen" userId="869c4f49-8953-40cf-ad50-313b9245c074" providerId="ADAL" clId="{5E158E1B-F363-496F-AE0C-8C2A894DCE49}" dt="2020-09-24T15:11:15.100" v="11525" actId="478"/>
          <ac:grpSpMkLst>
            <pc:docMk/>
            <pc:sldMk cId="1541113851" sldId="267"/>
            <ac:grpSpMk id="56" creationId="{EFD32138-191D-439E-8D08-76B782DE96EA}"/>
          </ac:grpSpMkLst>
        </pc:grpChg>
        <pc:picChg chg="add del mod">
          <ac:chgData name="Andreas Raimund Stilling-Andersen" userId="869c4f49-8953-40cf-ad50-313b9245c074" providerId="ADAL" clId="{5E158E1B-F363-496F-AE0C-8C2A894DCE49}" dt="2020-09-24T17:34:19.002" v="11663"/>
          <ac:picMkLst>
            <pc:docMk/>
            <pc:sldMk cId="1541113851" sldId="267"/>
            <ac:picMk id="3" creationId="{C2C19EEA-9785-4156-8336-9D84C66A4952}"/>
          </ac:picMkLst>
        </pc:picChg>
        <pc:picChg chg="add del mod">
          <ac:chgData name="Andreas Raimund Stilling-Andersen" userId="869c4f49-8953-40cf-ad50-313b9245c074" providerId="ADAL" clId="{5E158E1B-F363-496F-AE0C-8C2A894DCE49}" dt="2020-09-24T17:35:05.126" v="11665"/>
          <ac:picMkLst>
            <pc:docMk/>
            <pc:sldMk cId="1541113851" sldId="267"/>
            <ac:picMk id="6" creationId="{078C7063-1428-463B-B931-215FE45BAF12}"/>
          </ac:picMkLst>
        </pc:picChg>
        <pc:picChg chg="add del mod">
          <ac:chgData name="Andreas Raimund Stilling-Andersen" userId="869c4f49-8953-40cf-ad50-313b9245c074" providerId="ADAL" clId="{5E158E1B-F363-496F-AE0C-8C2A894DCE49}" dt="2020-09-24T17:36:06.237" v="11667"/>
          <ac:picMkLst>
            <pc:docMk/>
            <pc:sldMk cId="1541113851" sldId="267"/>
            <ac:picMk id="7" creationId="{D408AF80-A2C3-418C-985B-7F2B42FC70B2}"/>
          </ac:picMkLst>
        </pc:picChg>
        <pc:picChg chg="add del mod">
          <ac:chgData name="Andreas Raimund Stilling-Andersen" userId="869c4f49-8953-40cf-ad50-313b9245c074" providerId="ADAL" clId="{5E158E1B-F363-496F-AE0C-8C2A894DCE49}" dt="2020-09-24T18:02:13.914" v="11691"/>
          <ac:picMkLst>
            <pc:docMk/>
            <pc:sldMk cId="1541113851" sldId="267"/>
            <ac:picMk id="8" creationId="{D9542E47-2610-4090-8E63-17F8E74E8135}"/>
          </ac:picMkLst>
        </pc:picChg>
        <pc:picChg chg="add mod">
          <ac:chgData name="Andreas Raimund Stilling-Andersen" userId="869c4f49-8953-40cf-ad50-313b9245c074" providerId="ADAL" clId="{5E158E1B-F363-496F-AE0C-8C2A894DCE49}" dt="2020-09-24T18:03:49.008" v="11692"/>
          <ac:picMkLst>
            <pc:docMk/>
            <pc:sldMk cId="1541113851" sldId="267"/>
            <ac:picMk id="9" creationId="{D68C53B2-B140-4DE7-9595-46566981C94D}"/>
          </ac:picMkLst>
        </pc:picChg>
      </pc:sldChg>
    </pc:docChg>
  </pc:docChgLst>
  <pc:docChgLst>
    <pc:chgData name="Andreas Raimund" userId="869c4f49-8953-40cf-ad50-313b9245c074" providerId="ADAL" clId="{5E158E1B-F363-496F-AE0C-8C2A894DCE49}"/>
    <pc:docChg chg="undo custSel modSld">
      <pc:chgData name="Andreas Raimund" userId="869c4f49-8953-40cf-ad50-313b9245c074" providerId="ADAL" clId="{5E158E1B-F363-496F-AE0C-8C2A894DCE49}" dt="2020-09-20T16:12:06.051" v="1104" actId="14100"/>
      <pc:docMkLst>
        <pc:docMk/>
      </pc:docMkLst>
      <pc:sldChg chg="delSp modSp mod">
        <pc:chgData name="Andreas Raimund" userId="869c4f49-8953-40cf-ad50-313b9245c074" providerId="ADAL" clId="{5E158E1B-F363-496F-AE0C-8C2A894DCE49}" dt="2020-09-20T11:04:41.199" v="363" actId="208"/>
        <pc:sldMkLst>
          <pc:docMk/>
          <pc:sldMk cId="1796381250" sldId="257"/>
        </pc:sldMkLst>
        <pc:spChg chg="mod">
          <ac:chgData name="Andreas Raimund" userId="869c4f49-8953-40cf-ad50-313b9245c074" providerId="ADAL" clId="{5E158E1B-F363-496F-AE0C-8C2A894DCE49}" dt="2020-09-20T11:02:17.539" v="338" actId="14100"/>
          <ac:spMkLst>
            <pc:docMk/>
            <pc:sldMk cId="1796381250" sldId="257"/>
            <ac:spMk id="5" creationId="{43AB9D89-4678-4B3C-8679-3E429EFBB2DD}"/>
          </ac:spMkLst>
        </pc:spChg>
        <pc:spChg chg="mod">
          <ac:chgData name="Andreas Raimund" userId="869c4f49-8953-40cf-ad50-313b9245c074" providerId="ADAL" clId="{5E158E1B-F363-496F-AE0C-8C2A894DCE49}" dt="2020-09-20T11:02:13.420" v="337" actId="14100"/>
          <ac:spMkLst>
            <pc:docMk/>
            <pc:sldMk cId="1796381250" sldId="257"/>
            <ac:spMk id="6" creationId="{5A5890CD-8F90-4FE7-841F-F7B0C2865BA2}"/>
          </ac:spMkLst>
        </pc:spChg>
        <pc:spChg chg="mod topLvl">
          <ac:chgData name="Andreas Raimund" userId="869c4f49-8953-40cf-ad50-313b9245c074" providerId="ADAL" clId="{5E158E1B-F363-496F-AE0C-8C2A894DCE49}" dt="2020-09-20T11:04:24.442" v="358" actId="208"/>
          <ac:spMkLst>
            <pc:docMk/>
            <pc:sldMk cId="1796381250" sldId="257"/>
            <ac:spMk id="9" creationId="{B1A17CA8-AB67-4889-BC7D-9EAE285F7065}"/>
          </ac:spMkLst>
        </pc:spChg>
        <pc:spChg chg="mod topLvl">
          <ac:chgData name="Andreas Raimund" userId="869c4f49-8953-40cf-ad50-313b9245c074" providerId="ADAL" clId="{5E158E1B-F363-496F-AE0C-8C2A894DCE49}" dt="2020-09-20T11:04:33.796" v="361" actId="208"/>
          <ac:spMkLst>
            <pc:docMk/>
            <pc:sldMk cId="1796381250" sldId="257"/>
            <ac:spMk id="11" creationId="{13EFE81E-DCA9-441C-AA61-D886B7054E3E}"/>
          </ac:spMkLst>
        </pc:spChg>
        <pc:spChg chg="mod topLvl">
          <ac:chgData name="Andreas Raimund" userId="869c4f49-8953-40cf-ad50-313b9245c074" providerId="ADAL" clId="{5E158E1B-F363-496F-AE0C-8C2A894DCE49}" dt="2020-09-20T11:04:30.713" v="360" actId="208"/>
          <ac:spMkLst>
            <pc:docMk/>
            <pc:sldMk cId="1796381250" sldId="257"/>
            <ac:spMk id="12" creationId="{0943AE27-79EF-4247-A87B-7B5FD89AA1B3}"/>
          </ac:spMkLst>
        </pc:spChg>
        <pc:spChg chg="mod topLvl">
          <ac:chgData name="Andreas Raimund" userId="869c4f49-8953-40cf-ad50-313b9245c074" providerId="ADAL" clId="{5E158E1B-F363-496F-AE0C-8C2A894DCE49}" dt="2020-09-20T11:04:27.439" v="359" actId="208"/>
          <ac:spMkLst>
            <pc:docMk/>
            <pc:sldMk cId="1796381250" sldId="257"/>
            <ac:spMk id="13" creationId="{45A1685E-6899-4BD3-9C71-52A9AE2E78CC}"/>
          </ac:spMkLst>
        </pc:spChg>
        <pc:spChg chg="mod topLvl">
          <ac:chgData name="Andreas Raimund" userId="869c4f49-8953-40cf-ad50-313b9245c074" providerId="ADAL" clId="{5E158E1B-F363-496F-AE0C-8C2A894DCE49}" dt="2020-09-20T11:04:41.199" v="363" actId="208"/>
          <ac:spMkLst>
            <pc:docMk/>
            <pc:sldMk cId="1796381250" sldId="257"/>
            <ac:spMk id="14" creationId="{E1402E9E-52C7-4F57-9999-BDD39EA8850B}"/>
          </ac:spMkLst>
        </pc:spChg>
        <pc:spChg chg="mod topLvl">
          <ac:chgData name="Andreas Raimund" userId="869c4f49-8953-40cf-ad50-313b9245c074" providerId="ADAL" clId="{5E158E1B-F363-496F-AE0C-8C2A894DCE49}" dt="2020-09-20T11:04:37.733" v="362" actId="208"/>
          <ac:spMkLst>
            <pc:docMk/>
            <pc:sldMk cId="1796381250" sldId="257"/>
            <ac:spMk id="15" creationId="{FF22DD89-15D6-4B22-BA5B-CC4975D9A170}"/>
          </ac:spMkLst>
        </pc:spChg>
        <pc:spChg chg="mod topLvl">
          <ac:chgData name="Andreas Raimund" userId="869c4f49-8953-40cf-ad50-313b9245c074" providerId="ADAL" clId="{5E158E1B-F363-496F-AE0C-8C2A894DCE49}" dt="2020-09-20T11:04:11.591" v="355" actId="165"/>
          <ac:spMkLst>
            <pc:docMk/>
            <pc:sldMk cId="1796381250" sldId="257"/>
            <ac:spMk id="17" creationId="{EE372EA2-A7BC-4438-BED2-45B43734E82B}"/>
          </ac:spMkLst>
        </pc:spChg>
        <pc:spChg chg="mod topLvl">
          <ac:chgData name="Andreas Raimund" userId="869c4f49-8953-40cf-ad50-313b9245c074" providerId="ADAL" clId="{5E158E1B-F363-496F-AE0C-8C2A894DCE49}" dt="2020-09-20T11:04:11.591" v="355" actId="165"/>
          <ac:spMkLst>
            <pc:docMk/>
            <pc:sldMk cId="1796381250" sldId="257"/>
            <ac:spMk id="18" creationId="{BD2BADD4-2E1D-473F-B486-47B2C63CE627}"/>
          </ac:spMkLst>
        </pc:spChg>
        <pc:spChg chg="mod">
          <ac:chgData name="Andreas Raimund" userId="869c4f49-8953-40cf-ad50-313b9245c074" providerId="ADAL" clId="{5E158E1B-F363-496F-AE0C-8C2A894DCE49}" dt="2020-09-20T11:04:11.591" v="355" actId="165"/>
          <ac:spMkLst>
            <pc:docMk/>
            <pc:sldMk cId="1796381250" sldId="257"/>
            <ac:spMk id="23" creationId="{5F80EEC0-EFBE-415F-923B-BF25113E7E77}"/>
          </ac:spMkLst>
        </pc:spChg>
        <pc:spChg chg="mod">
          <ac:chgData name="Andreas Raimund" userId="869c4f49-8953-40cf-ad50-313b9245c074" providerId="ADAL" clId="{5E158E1B-F363-496F-AE0C-8C2A894DCE49}" dt="2020-09-20T11:04:11.591" v="355" actId="165"/>
          <ac:spMkLst>
            <pc:docMk/>
            <pc:sldMk cId="1796381250" sldId="257"/>
            <ac:spMk id="24" creationId="{396C8D92-5B3D-466B-8CAF-8D0950D0D11F}"/>
          </ac:spMkLst>
        </pc:spChg>
        <pc:spChg chg="mod">
          <ac:chgData name="Andreas Raimund" userId="869c4f49-8953-40cf-ad50-313b9245c074" providerId="ADAL" clId="{5E158E1B-F363-496F-AE0C-8C2A894DCE49}" dt="2020-09-20T11:04:11.591" v="355" actId="165"/>
          <ac:spMkLst>
            <pc:docMk/>
            <pc:sldMk cId="1796381250" sldId="257"/>
            <ac:spMk id="25" creationId="{25DEE145-1738-4865-9CF9-4C372CDF219B}"/>
          </ac:spMkLst>
        </pc:spChg>
        <pc:spChg chg="mod">
          <ac:chgData name="Andreas Raimund" userId="869c4f49-8953-40cf-ad50-313b9245c074" providerId="ADAL" clId="{5E158E1B-F363-496F-AE0C-8C2A894DCE49}" dt="2020-09-20T11:04:11.591" v="355" actId="165"/>
          <ac:spMkLst>
            <pc:docMk/>
            <pc:sldMk cId="1796381250" sldId="257"/>
            <ac:spMk id="26" creationId="{5AB48B5E-E4D4-4CF2-91E7-03295504D75F}"/>
          </ac:spMkLst>
        </pc:spChg>
        <pc:spChg chg="mod">
          <ac:chgData name="Andreas Raimund" userId="869c4f49-8953-40cf-ad50-313b9245c074" providerId="ADAL" clId="{5E158E1B-F363-496F-AE0C-8C2A894DCE49}" dt="2020-09-20T11:04:11.591" v="355" actId="165"/>
          <ac:spMkLst>
            <pc:docMk/>
            <pc:sldMk cId="1796381250" sldId="257"/>
            <ac:spMk id="31" creationId="{0BDA26FD-60B6-49B8-AA9E-D8E2E4B564B8}"/>
          </ac:spMkLst>
        </pc:spChg>
        <pc:spChg chg="mod">
          <ac:chgData name="Andreas Raimund" userId="869c4f49-8953-40cf-ad50-313b9245c074" providerId="ADAL" clId="{5E158E1B-F363-496F-AE0C-8C2A894DCE49}" dt="2020-09-20T11:04:11.591" v="355" actId="165"/>
          <ac:spMkLst>
            <pc:docMk/>
            <pc:sldMk cId="1796381250" sldId="257"/>
            <ac:spMk id="32" creationId="{136D9878-8F9A-4D9A-9DD7-822AB4E09F25}"/>
          </ac:spMkLst>
        </pc:spChg>
        <pc:spChg chg="mod">
          <ac:chgData name="Andreas Raimund" userId="869c4f49-8953-40cf-ad50-313b9245c074" providerId="ADAL" clId="{5E158E1B-F363-496F-AE0C-8C2A894DCE49}" dt="2020-09-20T11:04:11.591" v="355" actId="165"/>
          <ac:spMkLst>
            <pc:docMk/>
            <pc:sldMk cId="1796381250" sldId="257"/>
            <ac:spMk id="33" creationId="{22EE6AFD-FFC7-45C6-B736-2628D3AEAC90}"/>
          </ac:spMkLst>
        </pc:spChg>
        <pc:spChg chg="mod">
          <ac:chgData name="Andreas Raimund" userId="869c4f49-8953-40cf-ad50-313b9245c074" providerId="ADAL" clId="{5E158E1B-F363-496F-AE0C-8C2A894DCE49}" dt="2020-09-20T11:04:11.591" v="355" actId="165"/>
          <ac:spMkLst>
            <pc:docMk/>
            <pc:sldMk cId="1796381250" sldId="257"/>
            <ac:spMk id="34" creationId="{92A9EB33-5893-4F25-BE5F-22AEE1B991F7}"/>
          </ac:spMkLst>
        </pc:spChg>
        <pc:spChg chg="mod">
          <ac:chgData name="Andreas Raimund" userId="869c4f49-8953-40cf-ad50-313b9245c074" providerId="ADAL" clId="{5E158E1B-F363-496F-AE0C-8C2A894DCE49}" dt="2020-09-20T11:04:11.591" v="355" actId="165"/>
          <ac:spMkLst>
            <pc:docMk/>
            <pc:sldMk cId="1796381250" sldId="257"/>
            <ac:spMk id="35" creationId="{0672EE77-9CBF-4351-92E8-A2D8F718BA4E}"/>
          </ac:spMkLst>
        </pc:spChg>
        <pc:spChg chg="mod">
          <ac:chgData name="Andreas Raimund" userId="869c4f49-8953-40cf-ad50-313b9245c074" providerId="ADAL" clId="{5E158E1B-F363-496F-AE0C-8C2A894DCE49}" dt="2020-09-20T11:04:11.591" v="355" actId="165"/>
          <ac:spMkLst>
            <pc:docMk/>
            <pc:sldMk cId="1796381250" sldId="257"/>
            <ac:spMk id="36" creationId="{E436F7F4-B28E-42F7-80D9-BF8AC06A1B1B}"/>
          </ac:spMkLst>
        </pc:spChg>
        <pc:spChg chg="mod">
          <ac:chgData name="Andreas Raimund" userId="869c4f49-8953-40cf-ad50-313b9245c074" providerId="ADAL" clId="{5E158E1B-F363-496F-AE0C-8C2A894DCE49}" dt="2020-09-20T11:04:11.591" v="355" actId="165"/>
          <ac:spMkLst>
            <pc:docMk/>
            <pc:sldMk cId="1796381250" sldId="257"/>
            <ac:spMk id="37" creationId="{FD5A63DA-BC94-4345-A529-53321F2A7FA4}"/>
          </ac:spMkLst>
        </pc:spChg>
        <pc:spChg chg="mod">
          <ac:chgData name="Andreas Raimund" userId="869c4f49-8953-40cf-ad50-313b9245c074" providerId="ADAL" clId="{5E158E1B-F363-496F-AE0C-8C2A894DCE49}" dt="2020-09-20T11:04:11.591" v="355" actId="165"/>
          <ac:spMkLst>
            <pc:docMk/>
            <pc:sldMk cId="1796381250" sldId="257"/>
            <ac:spMk id="38" creationId="{C86EF4B4-66EB-4570-8F37-50842ED0C233}"/>
          </ac:spMkLst>
        </pc:spChg>
        <pc:spChg chg="mod">
          <ac:chgData name="Andreas Raimund" userId="869c4f49-8953-40cf-ad50-313b9245c074" providerId="ADAL" clId="{5E158E1B-F363-496F-AE0C-8C2A894DCE49}" dt="2020-09-20T11:04:11.591" v="355" actId="165"/>
          <ac:spMkLst>
            <pc:docMk/>
            <pc:sldMk cId="1796381250" sldId="257"/>
            <ac:spMk id="39" creationId="{E746B7A7-56B0-434E-9420-0A5AA85CB6E7}"/>
          </ac:spMkLst>
        </pc:spChg>
        <pc:spChg chg="mod">
          <ac:chgData name="Andreas Raimund" userId="869c4f49-8953-40cf-ad50-313b9245c074" providerId="ADAL" clId="{5E158E1B-F363-496F-AE0C-8C2A894DCE49}" dt="2020-09-20T11:04:11.591" v="355" actId="165"/>
          <ac:spMkLst>
            <pc:docMk/>
            <pc:sldMk cId="1796381250" sldId="257"/>
            <ac:spMk id="40" creationId="{B1C264C8-9318-4C91-8AB6-F5F77495A75D}"/>
          </ac:spMkLst>
        </pc:spChg>
        <pc:spChg chg="mod">
          <ac:chgData name="Andreas Raimund" userId="869c4f49-8953-40cf-ad50-313b9245c074" providerId="ADAL" clId="{5E158E1B-F363-496F-AE0C-8C2A894DCE49}" dt="2020-09-20T11:04:11.591" v="355" actId="165"/>
          <ac:spMkLst>
            <pc:docMk/>
            <pc:sldMk cId="1796381250" sldId="257"/>
            <ac:spMk id="41" creationId="{D9094E28-BCAA-4EC6-B94F-228DD3CF1B8C}"/>
          </ac:spMkLst>
        </pc:spChg>
        <pc:spChg chg="mod">
          <ac:chgData name="Andreas Raimund" userId="869c4f49-8953-40cf-ad50-313b9245c074" providerId="ADAL" clId="{5E158E1B-F363-496F-AE0C-8C2A894DCE49}" dt="2020-09-20T11:04:11.591" v="355" actId="165"/>
          <ac:spMkLst>
            <pc:docMk/>
            <pc:sldMk cId="1796381250" sldId="257"/>
            <ac:spMk id="42" creationId="{AC4C8C80-6632-474D-974E-2585D4EA76F5}"/>
          </ac:spMkLst>
        </pc:spChg>
        <pc:spChg chg="mod">
          <ac:chgData name="Andreas Raimund" userId="869c4f49-8953-40cf-ad50-313b9245c074" providerId="ADAL" clId="{5E158E1B-F363-496F-AE0C-8C2A894DCE49}" dt="2020-09-20T11:04:11.591" v="355" actId="165"/>
          <ac:spMkLst>
            <pc:docMk/>
            <pc:sldMk cId="1796381250" sldId="257"/>
            <ac:spMk id="43" creationId="{FE8BAEBD-2C71-4BB4-ACE1-9868096D5CF9}"/>
          </ac:spMkLst>
        </pc:spChg>
        <pc:spChg chg="mod">
          <ac:chgData name="Andreas Raimund" userId="869c4f49-8953-40cf-ad50-313b9245c074" providerId="ADAL" clId="{5E158E1B-F363-496F-AE0C-8C2A894DCE49}" dt="2020-09-20T11:04:11.591" v="355" actId="165"/>
          <ac:spMkLst>
            <pc:docMk/>
            <pc:sldMk cId="1796381250" sldId="257"/>
            <ac:spMk id="44" creationId="{90C9E5C5-78EC-4B9C-B32A-12B103F98313}"/>
          </ac:spMkLst>
        </pc:spChg>
        <pc:spChg chg="mod">
          <ac:chgData name="Andreas Raimund" userId="869c4f49-8953-40cf-ad50-313b9245c074" providerId="ADAL" clId="{5E158E1B-F363-496F-AE0C-8C2A894DCE49}" dt="2020-09-20T11:04:01.475" v="354" actId="1076"/>
          <ac:spMkLst>
            <pc:docMk/>
            <pc:sldMk cId="1796381250" sldId="257"/>
            <ac:spMk id="49" creationId="{972611CE-841D-49F3-8CA1-DD4BA6FAF3D5}"/>
          </ac:spMkLst>
        </pc:spChg>
        <pc:grpChg chg="del">
          <ac:chgData name="Andreas Raimund" userId="869c4f49-8953-40cf-ad50-313b9245c074" providerId="ADAL" clId="{5E158E1B-F363-496F-AE0C-8C2A894DCE49}" dt="2020-09-20T11:04:11.591" v="355" actId="165"/>
          <ac:grpSpMkLst>
            <pc:docMk/>
            <pc:sldMk cId="1796381250" sldId="257"/>
            <ac:grpSpMk id="7" creationId="{6EAD62C1-9B05-4712-814E-4EB600BC8A3E}"/>
          </ac:grpSpMkLst>
        </pc:grpChg>
        <pc:grpChg chg="mod topLvl">
          <ac:chgData name="Andreas Raimund" userId="869c4f49-8953-40cf-ad50-313b9245c074" providerId="ADAL" clId="{5E158E1B-F363-496F-AE0C-8C2A894DCE49}" dt="2020-09-20T11:04:11.591" v="355" actId="165"/>
          <ac:grpSpMkLst>
            <pc:docMk/>
            <pc:sldMk cId="1796381250" sldId="257"/>
            <ac:grpSpMk id="8" creationId="{B7451B9F-AEAC-4C3E-8A0F-4A0509AE9AE5}"/>
          </ac:grpSpMkLst>
        </pc:grpChg>
        <pc:grpChg chg="mod">
          <ac:chgData name="Andreas Raimund" userId="869c4f49-8953-40cf-ad50-313b9245c074" providerId="ADAL" clId="{5E158E1B-F363-496F-AE0C-8C2A894DCE49}" dt="2020-09-20T11:04:11.591" v="355" actId="165"/>
          <ac:grpSpMkLst>
            <pc:docMk/>
            <pc:sldMk cId="1796381250" sldId="257"/>
            <ac:grpSpMk id="19" creationId="{CCE3499B-8456-494D-9FA4-385E58A92C1F}"/>
          </ac:grpSpMkLst>
        </pc:grpChg>
        <pc:grpChg chg="mod">
          <ac:chgData name="Andreas Raimund" userId="869c4f49-8953-40cf-ad50-313b9245c074" providerId="ADAL" clId="{5E158E1B-F363-496F-AE0C-8C2A894DCE49}" dt="2020-09-20T11:04:11.591" v="355" actId="165"/>
          <ac:grpSpMkLst>
            <pc:docMk/>
            <pc:sldMk cId="1796381250" sldId="257"/>
            <ac:grpSpMk id="20" creationId="{4AD95C9C-BFCC-49EC-ACFC-F0AAB863ACA6}"/>
          </ac:grpSpMkLst>
        </pc:grpChg>
        <pc:grpChg chg="mod">
          <ac:chgData name="Andreas Raimund" userId="869c4f49-8953-40cf-ad50-313b9245c074" providerId="ADAL" clId="{5E158E1B-F363-496F-AE0C-8C2A894DCE49}" dt="2020-09-20T11:04:11.591" v="355" actId="165"/>
          <ac:grpSpMkLst>
            <pc:docMk/>
            <pc:sldMk cId="1796381250" sldId="257"/>
            <ac:grpSpMk id="21" creationId="{0022FBB3-A5E6-42BA-A66B-064F5A155604}"/>
          </ac:grpSpMkLst>
        </pc:grpChg>
        <pc:grpChg chg="mod">
          <ac:chgData name="Andreas Raimund" userId="869c4f49-8953-40cf-ad50-313b9245c074" providerId="ADAL" clId="{5E158E1B-F363-496F-AE0C-8C2A894DCE49}" dt="2020-09-20T11:04:11.591" v="355" actId="165"/>
          <ac:grpSpMkLst>
            <pc:docMk/>
            <pc:sldMk cId="1796381250" sldId="257"/>
            <ac:grpSpMk id="22" creationId="{CD43384E-DECA-45B4-9533-C9D322CA71CD}"/>
          </ac:grpSpMkLst>
        </pc:grpChg>
        <pc:picChg chg="mod">
          <ac:chgData name="Andreas Raimund" userId="869c4f49-8953-40cf-ad50-313b9245c074" providerId="ADAL" clId="{5E158E1B-F363-496F-AE0C-8C2A894DCE49}" dt="2020-09-20T11:03:56.842" v="353" actId="14100"/>
          <ac:picMkLst>
            <pc:docMk/>
            <pc:sldMk cId="1796381250" sldId="257"/>
            <ac:picMk id="47" creationId="{5CDF11E5-90D9-41A9-A378-DC692335DF9F}"/>
          </ac:picMkLst>
        </pc:picChg>
        <pc:cxnChg chg="mod topLvl">
          <ac:chgData name="Andreas Raimund" userId="869c4f49-8953-40cf-ad50-313b9245c074" providerId="ADAL" clId="{5E158E1B-F363-496F-AE0C-8C2A894DCE49}" dt="2020-09-20T11:04:11.591" v="355" actId="165"/>
          <ac:cxnSpMkLst>
            <pc:docMk/>
            <pc:sldMk cId="1796381250" sldId="257"/>
            <ac:cxnSpMk id="16" creationId="{7AD712F6-5B37-40D0-A150-2E4DE22777D9}"/>
          </ac:cxnSpMkLst>
        </pc:cxnChg>
        <pc:cxnChg chg="mod">
          <ac:chgData name="Andreas Raimund" userId="869c4f49-8953-40cf-ad50-313b9245c074" providerId="ADAL" clId="{5E158E1B-F363-496F-AE0C-8C2A894DCE49}" dt="2020-09-20T11:04:11.591" v="355" actId="165"/>
          <ac:cxnSpMkLst>
            <pc:docMk/>
            <pc:sldMk cId="1796381250" sldId="257"/>
            <ac:cxnSpMk id="27" creationId="{8B9BC1D9-832B-405B-8D9E-A401B33265F0}"/>
          </ac:cxnSpMkLst>
        </pc:cxnChg>
        <pc:cxnChg chg="mod">
          <ac:chgData name="Andreas Raimund" userId="869c4f49-8953-40cf-ad50-313b9245c074" providerId="ADAL" clId="{5E158E1B-F363-496F-AE0C-8C2A894DCE49}" dt="2020-09-20T11:04:11.591" v="355" actId="165"/>
          <ac:cxnSpMkLst>
            <pc:docMk/>
            <pc:sldMk cId="1796381250" sldId="257"/>
            <ac:cxnSpMk id="28" creationId="{35488DDF-DFD5-4EC4-8ECB-9D20AACBD8AF}"/>
          </ac:cxnSpMkLst>
        </pc:cxnChg>
        <pc:cxnChg chg="mod">
          <ac:chgData name="Andreas Raimund" userId="869c4f49-8953-40cf-ad50-313b9245c074" providerId="ADAL" clId="{5E158E1B-F363-496F-AE0C-8C2A894DCE49}" dt="2020-09-20T11:04:11.591" v="355" actId="165"/>
          <ac:cxnSpMkLst>
            <pc:docMk/>
            <pc:sldMk cId="1796381250" sldId="257"/>
            <ac:cxnSpMk id="29" creationId="{74378BC3-EB24-4C77-9B1C-AFA28AC96D59}"/>
          </ac:cxnSpMkLst>
        </pc:cxnChg>
        <pc:cxnChg chg="mod">
          <ac:chgData name="Andreas Raimund" userId="869c4f49-8953-40cf-ad50-313b9245c074" providerId="ADAL" clId="{5E158E1B-F363-496F-AE0C-8C2A894DCE49}" dt="2020-09-20T11:04:11.591" v="355" actId="165"/>
          <ac:cxnSpMkLst>
            <pc:docMk/>
            <pc:sldMk cId="1796381250" sldId="257"/>
            <ac:cxnSpMk id="30" creationId="{D38B3FC7-5718-40BF-8E65-B5E9A2858369}"/>
          </ac:cxnSpMkLst>
        </pc:cxnChg>
      </pc:sldChg>
      <pc:sldChg chg="modSp mod">
        <pc:chgData name="Andreas Raimund" userId="869c4f49-8953-40cf-ad50-313b9245c074" providerId="ADAL" clId="{5E158E1B-F363-496F-AE0C-8C2A894DCE49}" dt="2020-09-20T11:02:38.667" v="340" actId="14100"/>
        <pc:sldMkLst>
          <pc:docMk/>
          <pc:sldMk cId="3213846115" sldId="261"/>
        </pc:sldMkLst>
        <pc:spChg chg="mod">
          <ac:chgData name="Andreas Raimund" userId="869c4f49-8953-40cf-ad50-313b9245c074" providerId="ADAL" clId="{5E158E1B-F363-496F-AE0C-8C2A894DCE49}" dt="2020-09-20T11:02:38.667" v="340" actId="14100"/>
          <ac:spMkLst>
            <pc:docMk/>
            <pc:sldMk cId="3213846115" sldId="261"/>
            <ac:spMk id="2" creationId="{2ED1F80C-BE83-4C20-ABBB-255B958C7FA5}"/>
          </ac:spMkLst>
        </pc:spChg>
        <pc:spChg chg="mod">
          <ac:chgData name="Andreas Raimund" userId="869c4f49-8953-40cf-ad50-313b9245c074" providerId="ADAL" clId="{5E158E1B-F363-496F-AE0C-8C2A894DCE49}" dt="2020-09-20T11:02:22.543" v="339" actId="14100"/>
          <ac:spMkLst>
            <pc:docMk/>
            <pc:sldMk cId="3213846115" sldId="261"/>
            <ac:spMk id="3" creationId="{C7467D07-4B99-4480-AD10-8D347CD5D756}"/>
          </ac:spMkLst>
        </pc:spChg>
        <pc:spChg chg="mod">
          <ac:chgData name="Andreas Raimund" userId="869c4f49-8953-40cf-ad50-313b9245c074" providerId="ADAL" clId="{5E158E1B-F363-496F-AE0C-8C2A894DCE49}" dt="2020-09-20T09:31:41.809" v="1" actId="1076"/>
          <ac:spMkLst>
            <pc:docMk/>
            <pc:sldMk cId="3213846115" sldId="261"/>
            <ac:spMk id="21" creationId="{BE4E8F39-443B-4874-AE26-A2EF89D92397}"/>
          </ac:spMkLst>
        </pc:spChg>
        <pc:spChg chg="mod">
          <ac:chgData name="Andreas Raimund" userId="869c4f49-8953-40cf-ad50-313b9245c074" providerId="ADAL" clId="{5E158E1B-F363-496F-AE0C-8C2A894DCE49}" dt="2020-09-20T09:31:41.809" v="1" actId="1076"/>
          <ac:spMkLst>
            <pc:docMk/>
            <pc:sldMk cId="3213846115" sldId="261"/>
            <ac:spMk id="23" creationId="{3145B3C1-C916-4635-8036-CFD7ABC1D33E}"/>
          </ac:spMkLst>
        </pc:spChg>
        <pc:spChg chg="mod">
          <ac:chgData name="Andreas Raimund" userId="869c4f49-8953-40cf-ad50-313b9245c074" providerId="ADAL" clId="{5E158E1B-F363-496F-AE0C-8C2A894DCE49}" dt="2020-09-20T09:31:41.809" v="1" actId="1076"/>
          <ac:spMkLst>
            <pc:docMk/>
            <pc:sldMk cId="3213846115" sldId="261"/>
            <ac:spMk id="24" creationId="{F0005F0C-14DE-484D-B8D3-FD4CE4F26117}"/>
          </ac:spMkLst>
        </pc:spChg>
      </pc:sldChg>
      <pc:sldChg chg="addSp delSp modSp mod modAnim">
        <pc:chgData name="Andreas Raimund" userId="869c4f49-8953-40cf-ad50-313b9245c074" providerId="ADAL" clId="{5E158E1B-F363-496F-AE0C-8C2A894DCE49}" dt="2020-09-20T11:07:11.626" v="445"/>
        <pc:sldMkLst>
          <pc:docMk/>
          <pc:sldMk cId="1084376942" sldId="262"/>
        </pc:sldMkLst>
        <pc:spChg chg="mod">
          <ac:chgData name="Andreas Raimund" userId="869c4f49-8953-40cf-ad50-313b9245c074" providerId="ADAL" clId="{5E158E1B-F363-496F-AE0C-8C2A894DCE49}" dt="2020-09-20T11:02:54.637" v="343" actId="14100"/>
          <ac:spMkLst>
            <pc:docMk/>
            <pc:sldMk cId="1084376942" sldId="262"/>
            <ac:spMk id="2" creationId="{F19605B3-565B-4E12-A51A-4E05248CBFCA}"/>
          </ac:spMkLst>
        </pc:spChg>
        <pc:spChg chg="mod">
          <ac:chgData name="Andreas Raimund" userId="869c4f49-8953-40cf-ad50-313b9245c074" providerId="ADAL" clId="{5E158E1B-F363-496F-AE0C-8C2A894DCE49}" dt="2020-09-20T11:02:51.132" v="342" actId="14100"/>
          <ac:spMkLst>
            <pc:docMk/>
            <pc:sldMk cId="1084376942" sldId="262"/>
            <ac:spMk id="3" creationId="{CFAB810B-9C99-478D-A72D-D1F40B07F2D9}"/>
          </ac:spMkLst>
        </pc:spChg>
        <pc:spChg chg="mod">
          <ac:chgData name="Andreas Raimund" userId="869c4f49-8953-40cf-ad50-313b9245c074" providerId="ADAL" clId="{5E158E1B-F363-496F-AE0C-8C2A894DCE49}" dt="2020-09-20T11:03:01.763" v="345" actId="1076"/>
          <ac:spMkLst>
            <pc:docMk/>
            <pc:sldMk cId="1084376942" sldId="262"/>
            <ac:spMk id="11" creationId="{8EDBCEB7-588A-4688-9D21-5B567E72B32A}"/>
          </ac:spMkLst>
        </pc:spChg>
        <pc:spChg chg="add mod">
          <ac:chgData name="Andreas Raimund" userId="869c4f49-8953-40cf-ad50-313b9245c074" providerId="ADAL" clId="{5E158E1B-F363-496F-AE0C-8C2A894DCE49}" dt="2020-09-20T11:03:13.312" v="348" actId="1076"/>
          <ac:spMkLst>
            <pc:docMk/>
            <pc:sldMk cId="1084376942" sldId="262"/>
            <ac:spMk id="37" creationId="{B2A2CBDB-C75E-40D5-A082-770A5F240263}"/>
          </ac:spMkLst>
        </pc:spChg>
        <pc:spChg chg="add mod">
          <ac:chgData name="Andreas Raimund" userId="869c4f49-8953-40cf-ad50-313b9245c074" providerId="ADAL" clId="{5E158E1B-F363-496F-AE0C-8C2A894DCE49}" dt="2020-09-20T11:03:20.808" v="350" actId="1076"/>
          <ac:spMkLst>
            <pc:docMk/>
            <pc:sldMk cId="1084376942" sldId="262"/>
            <ac:spMk id="39" creationId="{7620E5AA-3525-4B4E-B739-147249057863}"/>
          </ac:spMkLst>
        </pc:spChg>
        <pc:spChg chg="add mod">
          <ac:chgData name="Andreas Raimund" userId="869c4f49-8953-40cf-ad50-313b9245c074" providerId="ADAL" clId="{5E158E1B-F363-496F-AE0C-8C2A894DCE49}" dt="2020-09-20T11:03:24.799" v="351" actId="1076"/>
          <ac:spMkLst>
            <pc:docMk/>
            <pc:sldMk cId="1084376942" sldId="262"/>
            <ac:spMk id="41" creationId="{6CC37A4F-7989-4229-9130-2D8AA481A778}"/>
          </ac:spMkLst>
        </pc:spChg>
        <pc:spChg chg="mod">
          <ac:chgData name="Andreas Raimund" userId="869c4f49-8953-40cf-ad50-313b9245c074" providerId="ADAL" clId="{5E158E1B-F363-496F-AE0C-8C2A894DCE49}" dt="2020-09-20T11:06:13.983" v="438"/>
          <ac:spMkLst>
            <pc:docMk/>
            <pc:sldMk cId="1084376942" sldId="262"/>
            <ac:spMk id="56" creationId="{C50A2792-2AA9-431C-8F52-C8F2817EF843}"/>
          </ac:spMkLst>
        </pc:spChg>
        <pc:grpChg chg="add mod">
          <ac:chgData name="Andreas Raimund" userId="869c4f49-8953-40cf-ad50-313b9245c074" providerId="ADAL" clId="{5E158E1B-F363-496F-AE0C-8C2A894DCE49}" dt="2020-09-20T11:06:38.404" v="443" actId="1076"/>
          <ac:grpSpMkLst>
            <pc:docMk/>
            <pc:sldMk cId="1084376942" sldId="262"/>
            <ac:grpSpMk id="52" creationId="{A843BB33-09F9-4DDA-AD8C-8D02EE3A0417}"/>
          </ac:grpSpMkLst>
        </pc:grpChg>
        <pc:picChg chg="add del mod">
          <ac:chgData name="Andreas Raimund" userId="869c4f49-8953-40cf-ad50-313b9245c074" providerId="ADAL" clId="{5E158E1B-F363-496F-AE0C-8C2A894DCE49}" dt="2020-09-20T09:38:18.802" v="11" actId="478"/>
          <ac:picMkLst>
            <pc:docMk/>
            <pc:sldMk cId="1084376942" sldId="262"/>
            <ac:picMk id="7" creationId="{E24916E2-62FF-404F-AE76-8500A22E1E26}"/>
          </ac:picMkLst>
        </pc:picChg>
        <pc:picChg chg="mod">
          <ac:chgData name="Andreas Raimund" userId="869c4f49-8953-40cf-ad50-313b9245c074" providerId="ADAL" clId="{5E158E1B-F363-496F-AE0C-8C2A894DCE49}" dt="2020-09-20T11:02:56.597" v="344" actId="1076"/>
          <ac:picMkLst>
            <pc:docMk/>
            <pc:sldMk cId="1084376942" sldId="262"/>
            <ac:picMk id="9" creationId="{189F6CDD-E0E3-4B25-B25C-8ACD34FFDBA4}"/>
          </ac:picMkLst>
        </pc:picChg>
        <pc:picChg chg="add del mod">
          <ac:chgData name="Andreas Raimund" userId="869c4f49-8953-40cf-ad50-313b9245c074" providerId="ADAL" clId="{5E158E1B-F363-496F-AE0C-8C2A894DCE49}" dt="2020-09-20T09:40:04.039" v="22" actId="478"/>
          <ac:picMkLst>
            <pc:docMk/>
            <pc:sldMk cId="1084376942" sldId="262"/>
            <ac:picMk id="10" creationId="{EC00CA27-E76F-4B7C-96F4-5BDDCF3A16BD}"/>
          </ac:picMkLst>
        </pc:picChg>
        <pc:picChg chg="del">
          <ac:chgData name="Andreas Raimund" userId="869c4f49-8953-40cf-ad50-313b9245c074" providerId="ADAL" clId="{5E158E1B-F363-496F-AE0C-8C2A894DCE49}" dt="2020-09-20T09:38:11.983" v="7" actId="478"/>
          <ac:picMkLst>
            <pc:docMk/>
            <pc:sldMk cId="1084376942" sldId="262"/>
            <ac:picMk id="13" creationId="{62D13CD3-41F3-4389-9901-6CE795FC638E}"/>
          </ac:picMkLst>
        </pc:picChg>
        <pc:picChg chg="add del mod">
          <ac:chgData name="Andreas Raimund" userId="869c4f49-8953-40cf-ad50-313b9245c074" providerId="ADAL" clId="{5E158E1B-F363-496F-AE0C-8C2A894DCE49}" dt="2020-09-20T09:40:02.879" v="21" actId="478"/>
          <ac:picMkLst>
            <pc:docMk/>
            <pc:sldMk cId="1084376942" sldId="262"/>
            <ac:picMk id="14" creationId="{0EA78BBC-4D1B-4B74-988A-4EDCCA9E7D37}"/>
          </ac:picMkLst>
        </pc:picChg>
        <pc:picChg chg="del">
          <ac:chgData name="Andreas Raimund" userId="869c4f49-8953-40cf-ad50-313b9245c074" providerId="ADAL" clId="{5E158E1B-F363-496F-AE0C-8C2A894DCE49}" dt="2020-09-20T09:38:15.620" v="9" actId="478"/>
          <ac:picMkLst>
            <pc:docMk/>
            <pc:sldMk cId="1084376942" sldId="262"/>
            <ac:picMk id="15" creationId="{B588D698-4718-474D-A018-C997642CEA74}"/>
          </ac:picMkLst>
        </pc:picChg>
        <pc:picChg chg="del">
          <ac:chgData name="Andreas Raimund" userId="869c4f49-8953-40cf-ad50-313b9245c074" providerId="ADAL" clId="{5E158E1B-F363-496F-AE0C-8C2A894DCE49}" dt="2020-09-20T09:38:14.461" v="8" actId="478"/>
          <ac:picMkLst>
            <pc:docMk/>
            <pc:sldMk cId="1084376942" sldId="262"/>
            <ac:picMk id="17" creationId="{008337BF-3E6E-4811-9539-2A8E23E911D3}"/>
          </ac:picMkLst>
        </pc:picChg>
        <pc:picChg chg="add del mod">
          <ac:chgData name="Andreas Raimund" userId="869c4f49-8953-40cf-ad50-313b9245c074" providerId="ADAL" clId="{5E158E1B-F363-496F-AE0C-8C2A894DCE49}" dt="2020-09-20T09:41:47.285" v="28" actId="478"/>
          <ac:picMkLst>
            <pc:docMk/>
            <pc:sldMk cId="1084376942" sldId="262"/>
            <ac:picMk id="18" creationId="{72B5DF3D-475E-47B2-9458-2DF5ED54C259}"/>
          </ac:picMkLst>
        </pc:picChg>
        <pc:picChg chg="add del mod">
          <ac:chgData name="Andreas Raimund" userId="869c4f49-8953-40cf-ad50-313b9245c074" providerId="ADAL" clId="{5E158E1B-F363-496F-AE0C-8C2A894DCE49}" dt="2020-09-20T09:46:16.620" v="38" actId="478"/>
          <ac:picMkLst>
            <pc:docMk/>
            <pc:sldMk cId="1084376942" sldId="262"/>
            <ac:picMk id="20" creationId="{F5B7AEF2-E1FC-4A69-BB7D-F603A497BA79}"/>
          </ac:picMkLst>
        </pc:picChg>
        <pc:picChg chg="del">
          <ac:chgData name="Andreas Raimund" userId="869c4f49-8953-40cf-ad50-313b9245c074" providerId="ADAL" clId="{5E158E1B-F363-496F-AE0C-8C2A894DCE49}" dt="2020-09-20T09:38:16.962" v="10" actId="478"/>
          <ac:picMkLst>
            <pc:docMk/>
            <pc:sldMk cId="1084376942" sldId="262"/>
            <ac:picMk id="21" creationId="{6093D57A-7EBA-4991-8020-3D823CB8F509}"/>
          </ac:picMkLst>
        </pc:picChg>
        <pc:picChg chg="add del mod">
          <ac:chgData name="Andreas Raimund" userId="869c4f49-8953-40cf-ad50-313b9245c074" providerId="ADAL" clId="{5E158E1B-F363-496F-AE0C-8C2A894DCE49}" dt="2020-09-20T09:46:17.693" v="39" actId="478"/>
          <ac:picMkLst>
            <pc:docMk/>
            <pc:sldMk cId="1084376942" sldId="262"/>
            <ac:picMk id="23" creationId="{3BC0572B-AD5C-4C08-B80A-B8D1342608B9}"/>
          </ac:picMkLst>
        </pc:picChg>
        <pc:picChg chg="add del mod">
          <ac:chgData name="Andreas Raimund" userId="869c4f49-8953-40cf-ad50-313b9245c074" providerId="ADAL" clId="{5E158E1B-F363-496F-AE0C-8C2A894DCE49}" dt="2020-09-20T09:48:34.974" v="51" actId="478"/>
          <ac:picMkLst>
            <pc:docMk/>
            <pc:sldMk cId="1084376942" sldId="262"/>
            <ac:picMk id="25" creationId="{B15B7A9B-4637-4135-B5FB-FBB8EA8A2635}"/>
          </ac:picMkLst>
        </pc:picChg>
        <pc:picChg chg="add del mod">
          <ac:chgData name="Andreas Raimund" userId="869c4f49-8953-40cf-ad50-313b9245c074" providerId="ADAL" clId="{5E158E1B-F363-496F-AE0C-8C2A894DCE49}" dt="2020-09-20T09:48:33.781" v="50" actId="478"/>
          <ac:picMkLst>
            <pc:docMk/>
            <pc:sldMk cId="1084376942" sldId="262"/>
            <ac:picMk id="27" creationId="{774C58CC-3DB6-443F-8DB2-BB8735A26278}"/>
          </ac:picMkLst>
        </pc:picChg>
        <pc:picChg chg="add mod">
          <ac:chgData name="Andreas Raimund" userId="869c4f49-8953-40cf-ad50-313b9245c074" providerId="ADAL" clId="{5E158E1B-F363-496F-AE0C-8C2A894DCE49}" dt="2020-09-20T11:06:30.087" v="442" actId="1076"/>
          <ac:picMkLst>
            <pc:docMk/>
            <pc:sldMk cId="1084376942" sldId="262"/>
            <ac:picMk id="29" creationId="{3F04D959-9AD7-46A4-B350-FDAF2133F100}"/>
          </ac:picMkLst>
        </pc:picChg>
        <pc:picChg chg="add mod">
          <ac:chgData name="Andreas Raimund" userId="869c4f49-8953-40cf-ad50-313b9245c074" providerId="ADAL" clId="{5E158E1B-F363-496F-AE0C-8C2A894DCE49}" dt="2020-09-20T11:03:17.530" v="349" actId="1076"/>
          <ac:picMkLst>
            <pc:docMk/>
            <pc:sldMk cId="1084376942" sldId="262"/>
            <ac:picMk id="31" creationId="{A50214DF-342B-4B97-86CE-A7197B3E7ECC}"/>
          </ac:picMkLst>
        </pc:picChg>
        <pc:picChg chg="add del mod">
          <ac:chgData name="Andreas Raimund" userId="869c4f49-8953-40cf-ad50-313b9245c074" providerId="ADAL" clId="{5E158E1B-F363-496F-AE0C-8C2A894DCE49}" dt="2020-09-20T09:51:50.050" v="69" actId="478"/>
          <ac:picMkLst>
            <pc:docMk/>
            <pc:sldMk cId="1084376942" sldId="262"/>
            <ac:picMk id="33" creationId="{9A655814-DC46-44D9-B839-7A255E56F8F6}"/>
          </ac:picMkLst>
        </pc:picChg>
        <pc:picChg chg="add del mod">
          <ac:chgData name="Andreas Raimund" userId="869c4f49-8953-40cf-ad50-313b9245c074" providerId="ADAL" clId="{5E158E1B-F363-496F-AE0C-8C2A894DCE49}" dt="2020-09-20T09:55:18.849" v="74" actId="478"/>
          <ac:picMkLst>
            <pc:docMk/>
            <pc:sldMk cId="1084376942" sldId="262"/>
            <ac:picMk id="35" creationId="{152D82ED-F505-4A3E-9C1C-48F44C7FFB2C}"/>
          </ac:picMkLst>
        </pc:picChg>
        <pc:picChg chg="add del mod">
          <ac:chgData name="Andreas Raimund" userId="869c4f49-8953-40cf-ad50-313b9245c074" providerId="ADAL" clId="{5E158E1B-F363-496F-AE0C-8C2A894DCE49}" dt="2020-09-20T10:59:14.678" v="314" actId="478"/>
          <ac:picMkLst>
            <pc:docMk/>
            <pc:sldMk cId="1084376942" sldId="262"/>
            <ac:picMk id="43" creationId="{1EE88CDE-17D0-4950-81EE-6CE9AE363FE0}"/>
          </ac:picMkLst>
        </pc:picChg>
        <pc:picChg chg="add del mod">
          <ac:chgData name="Andreas Raimund" userId="869c4f49-8953-40cf-ad50-313b9245c074" providerId="ADAL" clId="{5E158E1B-F363-496F-AE0C-8C2A894DCE49}" dt="2020-09-20T11:00:31.534" v="319" actId="478"/>
          <ac:picMkLst>
            <pc:docMk/>
            <pc:sldMk cId="1084376942" sldId="262"/>
            <ac:picMk id="45" creationId="{9360F5D6-BB08-49A9-82FF-C14E8C61F003}"/>
          </ac:picMkLst>
        </pc:picChg>
        <pc:picChg chg="add del mod">
          <ac:chgData name="Andreas Raimund" userId="869c4f49-8953-40cf-ad50-313b9245c074" providerId="ADAL" clId="{5E158E1B-F363-496F-AE0C-8C2A894DCE49}" dt="2020-09-20T11:01:11.556" v="324" actId="478"/>
          <ac:picMkLst>
            <pc:docMk/>
            <pc:sldMk cId="1084376942" sldId="262"/>
            <ac:picMk id="47" creationId="{712C70E8-974B-42F7-82C1-156568051591}"/>
          </ac:picMkLst>
        </pc:picChg>
        <pc:picChg chg="add del mod">
          <ac:chgData name="Andreas Raimund" userId="869c4f49-8953-40cf-ad50-313b9245c074" providerId="ADAL" clId="{5E158E1B-F363-496F-AE0C-8C2A894DCE49}" dt="2020-09-20T11:01:28.486" v="328" actId="21"/>
          <ac:picMkLst>
            <pc:docMk/>
            <pc:sldMk cId="1084376942" sldId="262"/>
            <ac:picMk id="49" creationId="{02B01CDC-2C80-4FB5-B37E-94F6B461EA5B}"/>
          </ac:picMkLst>
        </pc:picChg>
        <pc:picChg chg="add del mod">
          <ac:chgData name="Andreas Raimund" userId="869c4f49-8953-40cf-ad50-313b9245c074" providerId="ADAL" clId="{5E158E1B-F363-496F-AE0C-8C2A894DCE49}" dt="2020-09-20T11:04:56.724" v="364" actId="21"/>
          <ac:picMkLst>
            <pc:docMk/>
            <pc:sldMk cId="1084376942" sldId="262"/>
            <ac:picMk id="51" creationId="{CEB98A6D-63BE-4899-8752-B1BC74A13692}"/>
          </ac:picMkLst>
        </pc:picChg>
        <pc:picChg chg="mod">
          <ac:chgData name="Andreas Raimund" userId="869c4f49-8953-40cf-ad50-313b9245c074" providerId="ADAL" clId="{5E158E1B-F363-496F-AE0C-8C2A894DCE49}" dt="2020-09-20T11:06:13.983" v="438"/>
          <ac:picMkLst>
            <pc:docMk/>
            <pc:sldMk cId="1084376942" sldId="262"/>
            <ac:picMk id="53" creationId="{DA3A654A-DFA5-47BC-A80C-D7F4135B7A8B}"/>
          </ac:picMkLst>
        </pc:picChg>
        <pc:cxnChg chg="mod">
          <ac:chgData name="Andreas Raimund" userId="869c4f49-8953-40cf-ad50-313b9245c074" providerId="ADAL" clId="{5E158E1B-F363-496F-AE0C-8C2A894DCE49}" dt="2020-09-20T11:06:13.983" v="438"/>
          <ac:cxnSpMkLst>
            <pc:docMk/>
            <pc:sldMk cId="1084376942" sldId="262"/>
            <ac:cxnSpMk id="54" creationId="{C6F516A1-235E-409C-8021-3B7EE3B0FFFD}"/>
          </ac:cxnSpMkLst>
        </pc:cxnChg>
        <pc:cxnChg chg="mod">
          <ac:chgData name="Andreas Raimund" userId="869c4f49-8953-40cf-ad50-313b9245c074" providerId="ADAL" clId="{5E158E1B-F363-496F-AE0C-8C2A894DCE49}" dt="2020-09-20T11:06:13.983" v="438"/>
          <ac:cxnSpMkLst>
            <pc:docMk/>
            <pc:sldMk cId="1084376942" sldId="262"/>
            <ac:cxnSpMk id="55" creationId="{6C725417-4BF4-46AD-9E68-CB387649283A}"/>
          </ac:cxnSpMkLst>
        </pc:cxnChg>
      </pc:sldChg>
      <pc:sldChg chg="addSp delSp modSp mod modAnim">
        <pc:chgData name="Andreas Raimund" userId="869c4f49-8953-40cf-ad50-313b9245c074" providerId="ADAL" clId="{5E158E1B-F363-496F-AE0C-8C2A894DCE49}" dt="2020-09-20T16:08:26.737" v="1099"/>
        <pc:sldMkLst>
          <pc:docMk/>
          <pc:sldMk cId="1416056739" sldId="263"/>
        </pc:sldMkLst>
        <pc:spChg chg="mod">
          <ac:chgData name="Andreas Raimund" userId="869c4f49-8953-40cf-ad50-313b9245c074" providerId="ADAL" clId="{5E158E1B-F363-496F-AE0C-8C2A894DCE49}" dt="2020-09-20T11:12:34.815" v="470" actId="14100"/>
          <ac:spMkLst>
            <pc:docMk/>
            <pc:sldMk cId="1416056739" sldId="263"/>
            <ac:spMk id="2" creationId="{11BBC0CE-EF11-458E-95C5-52DB03DBAFE5}"/>
          </ac:spMkLst>
        </pc:spChg>
        <pc:spChg chg="add del mod">
          <ac:chgData name="Andreas Raimund" userId="869c4f49-8953-40cf-ad50-313b9245c074" providerId="ADAL" clId="{5E158E1B-F363-496F-AE0C-8C2A894DCE49}" dt="2020-09-20T15:19:50.909" v="471" actId="931"/>
          <ac:spMkLst>
            <pc:docMk/>
            <pc:sldMk cId="1416056739" sldId="263"/>
            <ac:spMk id="3" creationId="{E132EECC-C813-46A6-8316-BB1A0337429A}"/>
          </ac:spMkLst>
        </pc:spChg>
        <pc:spChg chg="add del mod">
          <ac:chgData name="Andreas Raimund" userId="869c4f49-8953-40cf-ad50-313b9245c074" providerId="ADAL" clId="{5E158E1B-F363-496F-AE0C-8C2A894DCE49}" dt="2020-09-20T15:22:15.685" v="475" actId="931"/>
          <ac:spMkLst>
            <pc:docMk/>
            <pc:sldMk cId="1416056739" sldId="263"/>
            <ac:spMk id="10" creationId="{A4596B36-3038-45C2-BD9B-A71F594819A6}"/>
          </ac:spMkLst>
        </pc:spChg>
        <pc:spChg chg="add del mod">
          <ac:chgData name="Andreas Raimund" userId="869c4f49-8953-40cf-ad50-313b9245c074" providerId="ADAL" clId="{5E158E1B-F363-496F-AE0C-8C2A894DCE49}" dt="2020-09-20T15:39:50.097" v="635" actId="20577"/>
          <ac:spMkLst>
            <pc:docMk/>
            <pc:sldMk cId="1416056739" sldId="263"/>
            <ac:spMk id="17" creationId="{7C306603-502A-4CF4-9119-138AC4C99404}"/>
          </ac:spMkLst>
        </pc:spChg>
        <pc:spChg chg="mod">
          <ac:chgData name="Andreas Raimund" userId="869c4f49-8953-40cf-ad50-313b9245c074" providerId="ADAL" clId="{5E158E1B-F363-496F-AE0C-8C2A894DCE49}" dt="2020-09-20T16:08:20.109" v="1098" actId="20577"/>
          <ac:spMkLst>
            <pc:docMk/>
            <pc:sldMk cId="1416056739" sldId="263"/>
            <ac:spMk id="21" creationId="{6CE4A4A5-1584-43F8-949D-EB026B1259B5}"/>
          </ac:spMkLst>
        </pc:spChg>
        <pc:spChg chg="add mod">
          <ac:chgData name="Andreas Raimund" userId="869c4f49-8953-40cf-ad50-313b9245c074" providerId="ADAL" clId="{5E158E1B-F363-496F-AE0C-8C2A894DCE49}" dt="2020-09-20T15:43:57.195" v="877" actId="20577"/>
          <ac:spMkLst>
            <pc:docMk/>
            <pc:sldMk cId="1416056739" sldId="263"/>
            <ac:spMk id="39" creationId="{82DD84CD-3521-4CFE-B442-9477968F95DA}"/>
          </ac:spMkLst>
        </pc:spChg>
        <pc:spChg chg="add mod">
          <ac:chgData name="Andreas Raimund" userId="869c4f49-8953-40cf-ad50-313b9245c074" providerId="ADAL" clId="{5E158E1B-F363-496F-AE0C-8C2A894DCE49}" dt="2020-09-20T15:42:17.558" v="759" actId="20577"/>
          <ac:spMkLst>
            <pc:docMk/>
            <pc:sldMk cId="1416056739" sldId="263"/>
            <ac:spMk id="41" creationId="{215426C5-EF7D-40D8-A550-8033442FFF47}"/>
          </ac:spMkLst>
        </pc:spChg>
        <pc:spChg chg="add mod">
          <ac:chgData name="Andreas Raimund" userId="869c4f49-8953-40cf-ad50-313b9245c074" providerId="ADAL" clId="{5E158E1B-F363-496F-AE0C-8C2A894DCE49}" dt="2020-09-20T15:42:06.688" v="752" actId="20577"/>
          <ac:spMkLst>
            <pc:docMk/>
            <pc:sldMk cId="1416056739" sldId="263"/>
            <ac:spMk id="43" creationId="{0BE3D453-9840-4056-8EF3-B31DA603D2CE}"/>
          </ac:spMkLst>
        </pc:spChg>
        <pc:spChg chg="add mod">
          <ac:chgData name="Andreas Raimund" userId="869c4f49-8953-40cf-ad50-313b9245c074" providerId="ADAL" clId="{5E158E1B-F363-496F-AE0C-8C2A894DCE49}" dt="2020-09-20T15:44:36.812" v="902" actId="1076"/>
          <ac:spMkLst>
            <pc:docMk/>
            <pc:sldMk cId="1416056739" sldId="263"/>
            <ac:spMk id="45" creationId="{B2CA5BCA-AB7E-420E-9580-D1A283796C22}"/>
          </ac:spMkLst>
        </pc:spChg>
        <pc:spChg chg="add mod">
          <ac:chgData name="Andreas Raimund" userId="869c4f49-8953-40cf-ad50-313b9245c074" providerId="ADAL" clId="{5E158E1B-F363-496F-AE0C-8C2A894DCE49}" dt="2020-09-20T15:44:11.150" v="886" actId="1076"/>
          <ac:spMkLst>
            <pc:docMk/>
            <pc:sldMk cId="1416056739" sldId="263"/>
            <ac:spMk id="47" creationId="{DA4077BE-6334-4F9C-A806-E59583A68209}"/>
          </ac:spMkLst>
        </pc:spChg>
        <pc:spChg chg="add mod">
          <ac:chgData name="Andreas Raimund" userId="869c4f49-8953-40cf-ad50-313b9245c074" providerId="ADAL" clId="{5E158E1B-F363-496F-AE0C-8C2A894DCE49}" dt="2020-09-20T15:44:30.637" v="901" actId="14100"/>
          <ac:spMkLst>
            <pc:docMk/>
            <pc:sldMk cId="1416056739" sldId="263"/>
            <ac:spMk id="49" creationId="{90824E4C-F09C-4D24-92C2-9CC815A91881}"/>
          </ac:spMkLst>
        </pc:spChg>
        <pc:spChg chg="mod">
          <ac:chgData name="Andreas Raimund" userId="869c4f49-8953-40cf-ad50-313b9245c074" providerId="ADAL" clId="{5E158E1B-F363-496F-AE0C-8C2A894DCE49}" dt="2020-09-20T16:00:30.987" v="1045" actId="14100"/>
          <ac:spMkLst>
            <pc:docMk/>
            <pc:sldMk cId="1416056739" sldId="263"/>
            <ac:spMk id="53" creationId="{5C76116B-5243-4EB0-A43E-F17DD600F771}"/>
          </ac:spMkLst>
        </pc:spChg>
        <pc:spChg chg="mod">
          <ac:chgData name="Andreas Raimund" userId="869c4f49-8953-40cf-ad50-313b9245c074" providerId="ADAL" clId="{5E158E1B-F363-496F-AE0C-8C2A894DCE49}" dt="2020-09-20T16:00:44.303" v="1049" actId="20577"/>
          <ac:spMkLst>
            <pc:docMk/>
            <pc:sldMk cId="1416056739" sldId="263"/>
            <ac:spMk id="58" creationId="{E3158F14-9694-47C6-8784-68C05A6FC620}"/>
          </ac:spMkLst>
        </pc:spChg>
        <pc:grpChg chg="add mod">
          <ac:chgData name="Andreas Raimund" userId="869c4f49-8953-40cf-ad50-313b9245c074" providerId="ADAL" clId="{5E158E1B-F363-496F-AE0C-8C2A894DCE49}" dt="2020-09-20T16:08:18.516" v="1097" actId="1076"/>
          <ac:grpSpMkLst>
            <pc:docMk/>
            <pc:sldMk cId="1416056739" sldId="263"/>
            <ac:grpSpMk id="20" creationId="{ABA261D1-DBD1-436D-B5EF-D3EA01168ED1}"/>
          </ac:grpSpMkLst>
        </pc:grpChg>
        <pc:grpChg chg="add del mod">
          <ac:chgData name="Andreas Raimund" userId="869c4f49-8953-40cf-ad50-313b9245c074" providerId="ADAL" clId="{5E158E1B-F363-496F-AE0C-8C2A894DCE49}" dt="2020-09-20T16:00:31.731" v="1046" actId="21"/>
          <ac:grpSpMkLst>
            <pc:docMk/>
            <pc:sldMk cId="1416056739" sldId="263"/>
            <ac:grpSpMk id="51" creationId="{CAA60CA5-1E6B-4FF8-9BAF-6C3AEA589684}"/>
          </ac:grpSpMkLst>
        </pc:grpChg>
        <pc:grpChg chg="add mod">
          <ac:chgData name="Andreas Raimund" userId="869c4f49-8953-40cf-ad50-313b9245c074" providerId="ADAL" clId="{5E158E1B-F363-496F-AE0C-8C2A894DCE49}" dt="2020-09-20T16:00:39.516" v="1048" actId="1076"/>
          <ac:grpSpMkLst>
            <pc:docMk/>
            <pc:sldMk cId="1416056739" sldId="263"/>
            <ac:grpSpMk id="56" creationId="{EFD32138-191D-439E-8D08-76B782DE96EA}"/>
          </ac:grpSpMkLst>
        </pc:grpChg>
        <pc:graphicFrameChg chg="del">
          <ac:chgData name="Andreas Raimund" userId="869c4f49-8953-40cf-ad50-313b9245c074" providerId="ADAL" clId="{5E158E1B-F363-496F-AE0C-8C2A894DCE49}" dt="2020-09-20T15:23:33.299" v="490" actId="478"/>
          <ac:graphicFrameMkLst>
            <pc:docMk/>
            <pc:sldMk cId="1416056739" sldId="263"/>
            <ac:graphicFrameMk id="16" creationId="{0F6113FB-36BB-4A40-9AC8-5E18D24A5AFE}"/>
          </ac:graphicFrameMkLst>
        </pc:graphicFrameChg>
        <pc:graphicFrameChg chg="add del">
          <ac:chgData name="Andreas Raimund" userId="869c4f49-8953-40cf-ad50-313b9245c074" providerId="ADAL" clId="{5E158E1B-F363-496F-AE0C-8C2A894DCE49}" dt="2020-09-20T15:23:49.763" v="500" actId="22"/>
          <ac:graphicFrameMkLst>
            <pc:docMk/>
            <pc:sldMk cId="1416056739" sldId="263"/>
            <ac:graphicFrameMk id="23" creationId="{9F300A00-A284-4B1E-A59B-A4FD3BF543D6}"/>
          </ac:graphicFrameMkLst>
        </pc:graphicFrameChg>
        <pc:picChg chg="del">
          <ac:chgData name="Andreas Raimund" userId="869c4f49-8953-40cf-ad50-313b9245c074" providerId="ADAL" clId="{5E158E1B-F363-496F-AE0C-8C2A894DCE49}" dt="2020-09-20T11:12:02.405" v="446" actId="478"/>
          <ac:picMkLst>
            <pc:docMk/>
            <pc:sldMk cId="1416056739" sldId="263"/>
            <ac:picMk id="7" creationId="{43CBB7E2-60E4-4F83-94C4-20E2609D6764}"/>
          </ac:picMkLst>
        </pc:picChg>
        <pc:picChg chg="add del mod">
          <ac:chgData name="Andreas Raimund" userId="869c4f49-8953-40cf-ad50-313b9245c074" providerId="ADAL" clId="{5E158E1B-F363-496F-AE0C-8C2A894DCE49}" dt="2020-09-20T15:22:08.185" v="474" actId="478"/>
          <ac:picMkLst>
            <pc:docMk/>
            <pc:sldMk cId="1416056739" sldId="263"/>
            <ac:picMk id="8" creationId="{244297E2-9D44-4278-B372-318E282E0D01}"/>
          </ac:picMkLst>
        </pc:picChg>
        <pc:picChg chg="del">
          <ac:chgData name="Andreas Raimund" userId="869c4f49-8953-40cf-ad50-313b9245c074" providerId="ADAL" clId="{5E158E1B-F363-496F-AE0C-8C2A894DCE49}" dt="2020-09-20T11:12:06.762" v="447" actId="478"/>
          <ac:picMkLst>
            <pc:docMk/>
            <pc:sldMk cId="1416056739" sldId="263"/>
            <ac:picMk id="9" creationId="{B7858A4D-E008-4FCF-923B-88CAC2FA2BE7}"/>
          </ac:picMkLst>
        </pc:picChg>
        <pc:picChg chg="del">
          <ac:chgData name="Andreas Raimund" userId="869c4f49-8953-40cf-ad50-313b9245c074" providerId="ADAL" clId="{5E158E1B-F363-496F-AE0C-8C2A894DCE49}" dt="2020-09-20T11:12:08.832" v="448" actId="478"/>
          <ac:picMkLst>
            <pc:docMk/>
            <pc:sldMk cId="1416056739" sldId="263"/>
            <ac:picMk id="11" creationId="{7AEBF112-CD7A-4A17-A698-D45E6E5D888C}"/>
          </ac:picMkLst>
        </pc:picChg>
        <pc:picChg chg="del">
          <ac:chgData name="Andreas Raimund" userId="869c4f49-8953-40cf-ad50-313b9245c074" providerId="ADAL" clId="{5E158E1B-F363-496F-AE0C-8C2A894DCE49}" dt="2020-09-20T11:12:14.257" v="450" actId="478"/>
          <ac:picMkLst>
            <pc:docMk/>
            <pc:sldMk cId="1416056739" sldId="263"/>
            <ac:picMk id="13" creationId="{AC72FD74-C131-468D-A566-E8091F6B7313}"/>
          </ac:picMkLst>
        </pc:picChg>
        <pc:picChg chg="add del mod">
          <ac:chgData name="Andreas Raimund" userId="869c4f49-8953-40cf-ad50-313b9245c074" providerId="ADAL" clId="{5E158E1B-F363-496F-AE0C-8C2A894DCE49}" dt="2020-09-20T15:22:55.313" v="478" actId="478"/>
          <ac:picMkLst>
            <pc:docMk/>
            <pc:sldMk cId="1416056739" sldId="263"/>
            <ac:picMk id="14" creationId="{0D8CE47F-16E1-4B5F-99A3-E85219250345}"/>
          </ac:picMkLst>
        </pc:picChg>
        <pc:picChg chg="del">
          <ac:chgData name="Andreas Raimund" userId="869c4f49-8953-40cf-ad50-313b9245c074" providerId="ADAL" clId="{5E158E1B-F363-496F-AE0C-8C2A894DCE49}" dt="2020-09-20T11:12:11.939" v="449" actId="478"/>
          <ac:picMkLst>
            <pc:docMk/>
            <pc:sldMk cId="1416056739" sldId="263"/>
            <ac:picMk id="15" creationId="{56FEE14F-74CD-44A5-B291-EFEA3CF1B4D3}"/>
          </ac:picMkLst>
        </pc:picChg>
        <pc:picChg chg="add del mod">
          <ac:chgData name="Andreas Raimund" userId="869c4f49-8953-40cf-ad50-313b9245c074" providerId="ADAL" clId="{5E158E1B-F363-496F-AE0C-8C2A894DCE49}" dt="2020-09-20T15:23:07.067" v="485" actId="931"/>
          <ac:picMkLst>
            <pc:docMk/>
            <pc:sldMk cId="1416056739" sldId="263"/>
            <ac:picMk id="19" creationId="{607E7A20-B600-4628-825A-3DE9C5B80610}"/>
          </ac:picMkLst>
        </pc:picChg>
        <pc:picChg chg="add del mod">
          <ac:chgData name="Andreas Raimund" userId="869c4f49-8953-40cf-ad50-313b9245c074" providerId="ADAL" clId="{5E158E1B-F363-496F-AE0C-8C2A894DCE49}" dt="2020-09-20T15:23:45.446" v="496" actId="931"/>
          <ac:picMkLst>
            <pc:docMk/>
            <pc:sldMk cId="1416056739" sldId="263"/>
            <ac:picMk id="21" creationId="{F7D1CB7B-2C3A-4341-BBAA-2D532273EC77}"/>
          </ac:picMkLst>
        </pc:picChg>
        <pc:picChg chg="mod">
          <ac:chgData name="Andreas Raimund" userId="869c4f49-8953-40cf-ad50-313b9245c074" providerId="ADAL" clId="{5E158E1B-F363-496F-AE0C-8C2A894DCE49}" dt="2020-09-20T16:08:18.516" v="1097" actId="1076"/>
          <ac:picMkLst>
            <pc:docMk/>
            <pc:sldMk cId="1416056739" sldId="263"/>
            <ac:picMk id="22" creationId="{18133B0A-C266-4339-8F46-24C1C9F9D3D6}"/>
          </ac:picMkLst>
        </pc:picChg>
        <pc:picChg chg="add del mod">
          <ac:chgData name="Andreas Raimund" userId="869c4f49-8953-40cf-ad50-313b9245c074" providerId="ADAL" clId="{5E158E1B-F363-496F-AE0C-8C2A894DCE49}" dt="2020-09-20T15:28:15.225" v="510" actId="478"/>
          <ac:picMkLst>
            <pc:docMk/>
            <pc:sldMk cId="1416056739" sldId="263"/>
            <ac:picMk id="25" creationId="{841E12D1-44D8-4DE2-9DCF-CCA6AE33F9A0}"/>
          </ac:picMkLst>
        </pc:picChg>
        <pc:picChg chg="add del mod">
          <ac:chgData name="Andreas Raimund" userId="869c4f49-8953-40cf-ad50-313b9245c074" providerId="ADAL" clId="{5E158E1B-F363-496F-AE0C-8C2A894DCE49}" dt="2020-09-20T15:28:16.380" v="511" actId="478"/>
          <ac:picMkLst>
            <pc:docMk/>
            <pc:sldMk cId="1416056739" sldId="263"/>
            <ac:picMk id="27" creationId="{28B03E8C-D910-4BBA-A13A-606A8414B1AD}"/>
          </ac:picMkLst>
        </pc:picChg>
        <pc:picChg chg="add del mod">
          <ac:chgData name="Andreas Raimund" userId="869c4f49-8953-40cf-ad50-313b9245c074" providerId="ADAL" clId="{5E158E1B-F363-496F-AE0C-8C2A894DCE49}" dt="2020-09-20T15:33:33.156" v="525" actId="478"/>
          <ac:picMkLst>
            <pc:docMk/>
            <pc:sldMk cId="1416056739" sldId="263"/>
            <ac:picMk id="29" creationId="{CA2946CD-C724-4AFC-8EE4-9968E3C1D55F}"/>
          </ac:picMkLst>
        </pc:picChg>
        <pc:picChg chg="add del mod">
          <ac:chgData name="Andreas Raimund" userId="869c4f49-8953-40cf-ad50-313b9245c074" providerId="ADAL" clId="{5E158E1B-F363-496F-AE0C-8C2A894DCE49}" dt="2020-09-20T15:29:33.416" v="524" actId="478"/>
          <ac:picMkLst>
            <pc:docMk/>
            <pc:sldMk cId="1416056739" sldId="263"/>
            <ac:picMk id="31" creationId="{AC24C430-40BC-453E-9E34-8C544AB85B91}"/>
          </ac:picMkLst>
        </pc:picChg>
        <pc:picChg chg="add mod">
          <ac:chgData name="Andreas Raimund" userId="869c4f49-8953-40cf-ad50-313b9245c074" providerId="ADAL" clId="{5E158E1B-F363-496F-AE0C-8C2A894DCE49}" dt="2020-09-20T15:42:44.333" v="763" actId="1076"/>
          <ac:picMkLst>
            <pc:docMk/>
            <pc:sldMk cId="1416056739" sldId="263"/>
            <ac:picMk id="33" creationId="{0BEF0F35-CF94-4D27-80D7-DE833A49DA15}"/>
          </ac:picMkLst>
        </pc:picChg>
        <pc:picChg chg="add mod">
          <ac:chgData name="Andreas Raimund" userId="869c4f49-8953-40cf-ad50-313b9245c074" providerId="ADAL" clId="{5E158E1B-F363-496F-AE0C-8C2A894DCE49}" dt="2020-09-20T15:39:05.073" v="622" actId="1076"/>
          <ac:picMkLst>
            <pc:docMk/>
            <pc:sldMk cId="1416056739" sldId="263"/>
            <ac:picMk id="35" creationId="{DF2D9D5B-5E5A-4BA8-B5A9-DAF4B8862FF5}"/>
          </ac:picMkLst>
        </pc:picChg>
        <pc:picChg chg="add mod">
          <ac:chgData name="Andreas Raimund" userId="869c4f49-8953-40cf-ad50-313b9245c074" providerId="ADAL" clId="{5E158E1B-F363-496F-AE0C-8C2A894DCE49}" dt="2020-09-20T15:35:23.923" v="559" actId="1076"/>
          <ac:picMkLst>
            <pc:docMk/>
            <pc:sldMk cId="1416056739" sldId="263"/>
            <ac:picMk id="37" creationId="{AB9334B3-7170-4368-8F9A-DCFAC1D5B6D2}"/>
          </ac:picMkLst>
        </pc:picChg>
        <pc:picChg chg="add del mod">
          <ac:chgData name="Andreas Raimund" userId="869c4f49-8953-40cf-ad50-313b9245c074" providerId="ADAL" clId="{5E158E1B-F363-496F-AE0C-8C2A894DCE49}" dt="2020-09-20T15:58:03.985" v="915" actId="21"/>
          <ac:picMkLst>
            <pc:docMk/>
            <pc:sldMk cId="1416056739" sldId="263"/>
            <ac:picMk id="50" creationId="{C981AD73-1204-4CB8-BA53-B73A39036486}"/>
          </ac:picMkLst>
        </pc:picChg>
        <pc:picChg chg="mod">
          <ac:chgData name="Andreas Raimund" userId="869c4f49-8953-40cf-ad50-313b9245c074" providerId="ADAL" clId="{5E158E1B-F363-496F-AE0C-8C2A894DCE49}" dt="2020-09-20T16:00:30.987" v="1045" actId="14100"/>
          <ac:picMkLst>
            <pc:docMk/>
            <pc:sldMk cId="1416056739" sldId="263"/>
            <ac:picMk id="52" creationId="{752D29A7-B379-4803-9015-7553B60C8E33}"/>
          </ac:picMkLst>
        </pc:picChg>
        <pc:picChg chg="mod">
          <ac:chgData name="Andreas Raimund" userId="869c4f49-8953-40cf-ad50-313b9245c074" providerId="ADAL" clId="{5E158E1B-F363-496F-AE0C-8C2A894DCE49}" dt="2020-09-20T16:00:39.516" v="1048" actId="1076"/>
          <ac:picMkLst>
            <pc:docMk/>
            <pc:sldMk cId="1416056739" sldId="263"/>
            <ac:picMk id="57" creationId="{A48AF8EF-E5CC-49AC-838C-1EB040CE1D84}"/>
          </ac:picMkLst>
        </pc:picChg>
        <pc:cxnChg chg="mod">
          <ac:chgData name="Andreas Raimund" userId="869c4f49-8953-40cf-ad50-313b9245c074" providerId="ADAL" clId="{5E158E1B-F363-496F-AE0C-8C2A894DCE49}" dt="2020-09-20T16:08:18.516" v="1097" actId="1076"/>
          <ac:cxnSpMkLst>
            <pc:docMk/>
            <pc:sldMk cId="1416056739" sldId="263"/>
            <ac:cxnSpMk id="23" creationId="{4C765133-A2E3-49EC-B269-6B6B8E102E2C}"/>
          </ac:cxnSpMkLst>
        </pc:cxnChg>
        <pc:cxnChg chg="mod">
          <ac:chgData name="Andreas Raimund" userId="869c4f49-8953-40cf-ad50-313b9245c074" providerId="ADAL" clId="{5E158E1B-F363-496F-AE0C-8C2A894DCE49}" dt="2020-09-20T16:08:18.516" v="1097" actId="1076"/>
          <ac:cxnSpMkLst>
            <pc:docMk/>
            <pc:sldMk cId="1416056739" sldId="263"/>
            <ac:cxnSpMk id="24" creationId="{53382CAE-ABD3-4309-B807-7837FA15831D}"/>
          </ac:cxnSpMkLst>
        </pc:cxnChg>
        <pc:cxnChg chg="mod">
          <ac:chgData name="Andreas Raimund" userId="869c4f49-8953-40cf-ad50-313b9245c074" providerId="ADAL" clId="{5E158E1B-F363-496F-AE0C-8C2A894DCE49}" dt="2020-09-20T16:00:30.987" v="1045" actId="14100"/>
          <ac:cxnSpMkLst>
            <pc:docMk/>
            <pc:sldMk cId="1416056739" sldId="263"/>
            <ac:cxnSpMk id="54" creationId="{6010D860-126F-42D6-ABA5-F499524DA584}"/>
          </ac:cxnSpMkLst>
        </pc:cxnChg>
        <pc:cxnChg chg="mod">
          <ac:chgData name="Andreas Raimund" userId="869c4f49-8953-40cf-ad50-313b9245c074" providerId="ADAL" clId="{5E158E1B-F363-496F-AE0C-8C2A894DCE49}" dt="2020-09-20T16:00:30.987" v="1045" actId="14100"/>
          <ac:cxnSpMkLst>
            <pc:docMk/>
            <pc:sldMk cId="1416056739" sldId="263"/>
            <ac:cxnSpMk id="55" creationId="{F57ABA40-F351-4838-9867-87CCB7C97438}"/>
          </ac:cxnSpMkLst>
        </pc:cxnChg>
        <pc:cxnChg chg="mod">
          <ac:chgData name="Andreas Raimund" userId="869c4f49-8953-40cf-ad50-313b9245c074" providerId="ADAL" clId="{5E158E1B-F363-496F-AE0C-8C2A894DCE49}" dt="2020-09-20T16:00:39.516" v="1048" actId="1076"/>
          <ac:cxnSpMkLst>
            <pc:docMk/>
            <pc:sldMk cId="1416056739" sldId="263"/>
            <ac:cxnSpMk id="59" creationId="{FE4D3AF6-0ECE-4121-9C07-2A4703D10680}"/>
          </ac:cxnSpMkLst>
        </pc:cxnChg>
        <pc:cxnChg chg="mod">
          <ac:chgData name="Andreas Raimund" userId="869c4f49-8953-40cf-ad50-313b9245c074" providerId="ADAL" clId="{5E158E1B-F363-496F-AE0C-8C2A894DCE49}" dt="2020-09-20T16:00:39.516" v="1048" actId="1076"/>
          <ac:cxnSpMkLst>
            <pc:docMk/>
            <pc:sldMk cId="1416056739" sldId="263"/>
            <ac:cxnSpMk id="60" creationId="{EE8C2807-BE00-472F-9367-687BBFC6FC71}"/>
          </ac:cxnSpMkLst>
        </pc:cxnChg>
      </pc:sldChg>
      <pc:sldChg chg="addSp delSp modSp mod">
        <pc:chgData name="Andreas Raimund" userId="869c4f49-8953-40cf-ad50-313b9245c074" providerId="ADAL" clId="{5E158E1B-F363-496F-AE0C-8C2A894DCE49}" dt="2020-09-20T16:12:06.051" v="1104" actId="14100"/>
        <pc:sldMkLst>
          <pc:docMk/>
          <pc:sldMk cId="4283609295" sldId="264"/>
        </pc:sldMkLst>
        <pc:spChg chg="mod">
          <ac:chgData name="Andreas Raimund" userId="869c4f49-8953-40cf-ad50-313b9245c074" providerId="ADAL" clId="{5E158E1B-F363-496F-AE0C-8C2A894DCE49}" dt="2020-09-20T16:12:06.051" v="1104" actId="14100"/>
          <ac:spMkLst>
            <pc:docMk/>
            <pc:sldMk cId="4283609295" sldId="264"/>
            <ac:spMk id="2" creationId="{DB3199F9-0F2A-4C11-A1BA-A9121990D8E5}"/>
          </ac:spMkLst>
        </pc:spChg>
        <pc:spChg chg="del">
          <ac:chgData name="Andreas Raimund" userId="869c4f49-8953-40cf-ad50-313b9245c074" providerId="ADAL" clId="{5E158E1B-F363-496F-AE0C-8C2A894DCE49}" dt="2020-09-20T15:57:43.058" v="903" actId="931"/>
          <ac:spMkLst>
            <pc:docMk/>
            <pc:sldMk cId="4283609295" sldId="264"/>
            <ac:spMk id="3" creationId="{CFEC56B4-8ED0-4769-9C97-DA9A82A9DC9D}"/>
          </ac:spMkLst>
        </pc:spChg>
        <pc:spChg chg="add mod">
          <ac:chgData name="Andreas Raimund" userId="869c4f49-8953-40cf-ad50-313b9245c074" providerId="ADAL" clId="{5E158E1B-F363-496F-AE0C-8C2A894DCE49}" dt="2020-09-20T16:06:28.677" v="1075" actId="164"/>
          <ac:spMkLst>
            <pc:docMk/>
            <pc:sldMk cId="4283609295" sldId="264"/>
            <ac:spMk id="3" creationId="{D355AD16-6704-47E5-9F9F-48AD723FEBA2}"/>
          </ac:spMkLst>
        </pc:spChg>
        <pc:spChg chg="add mod">
          <ac:chgData name="Andreas Raimund" userId="869c4f49-8953-40cf-ad50-313b9245c074" providerId="ADAL" clId="{5E158E1B-F363-496F-AE0C-8C2A894DCE49}" dt="2020-09-20T16:06:28.677" v="1075" actId="164"/>
          <ac:spMkLst>
            <pc:docMk/>
            <pc:sldMk cId="4283609295" sldId="264"/>
            <ac:spMk id="6" creationId="{0075D864-67CF-4403-9C0F-AD4C21A41C67}"/>
          </ac:spMkLst>
        </pc:spChg>
        <pc:spChg chg="add mod">
          <ac:chgData name="Andreas Raimund" userId="869c4f49-8953-40cf-ad50-313b9245c074" providerId="ADAL" clId="{5E158E1B-F363-496F-AE0C-8C2A894DCE49}" dt="2020-09-20T16:12:03.074" v="1103" actId="14100"/>
          <ac:spMkLst>
            <pc:docMk/>
            <pc:sldMk cId="4283609295" sldId="264"/>
            <ac:spMk id="8" creationId="{C34D33DE-A11A-4526-A368-79C3FF2AB0EE}"/>
          </ac:spMkLst>
        </pc:spChg>
        <pc:spChg chg="add mod">
          <ac:chgData name="Andreas Raimund" userId="869c4f49-8953-40cf-ad50-313b9245c074" providerId="ADAL" clId="{5E158E1B-F363-496F-AE0C-8C2A894DCE49}" dt="2020-09-20T11:06:09.167" v="436" actId="164"/>
          <ac:spMkLst>
            <pc:docMk/>
            <pc:sldMk cId="4283609295" sldId="264"/>
            <ac:spMk id="15" creationId="{FAFE52BC-F645-4EFF-B986-7B79B36EFD62}"/>
          </ac:spMkLst>
        </pc:spChg>
        <pc:spChg chg="add del">
          <ac:chgData name="Andreas Raimund" userId="869c4f49-8953-40cf-ad50-313b9245c074" providerId="ADAL" clId="{5E158E1B-F363-496F-AE0C-8C2A894DCE49}" dt="2020-09-20T15:23:18.309" v="488" actId="22"/>
          <ac:spMkLst>
            <pc:docMk/>
            <pc:sldMk cId="4283609295" sldId="264"/>
            <ac:spMk id="18" creationId="{C1CB5A93-BF7B-467F-AE78-0225E536EA12}"/>
          </ac:spMkLst>
        </pc:spChg>
        <pc:spChg chg="add del mod">
          <ac:chgData name="Andreas Raimund" userId="869c4f49-8953-40cf-ad50-313b9245c074" providerId="ADAL" clId="{5E158E1B-F363-496F-AE0C-8C2A894DCE49}" dt="2020-09-20T15:58:15.485" v="918" actId="931"/>
          <ac:spMkLst>
            <pc:docMk/>
            <pc:sldMk cId="4283609295" sldId="264"/>
            <ac:spMk id="23" creationId="{BEFE6A17-6F40-49FE-9861-0B4C2935D298}"/>
          </ac:spMkLst>
        </pc:spChg>
        <pc:spChg chg="add mod">
          <ac:chgData name="Andreas Raimund" userId="869c4f49-8953-40cf-ad50-313b9245c074" providerId="ADAL" clId="{5E158E1B-F363-496F-AE0C-8C2A894DCE49}" dt="2020-09-20T15:59:58.906" v="1040" actId="164"/>
          <ac:spMkLst>
            <pc:docMk/>
            <pc:sldMk cId="4283609295" sldId="264"/>
            <ac:spMk id="29" creationId="{2F508425-7FF2-4F8C-9D02-06F0E8EDF412}"/>
          </ac:spMkLst>
        </pc:spChg>
        <pc:spChg chg="add del mod">
          <ac:chgData name="Andreas Raimund" userId="869c4f49-8953-40cf-ad50-313b9245c074" providerId="ADAL" clId="{5E158E1B-F363-496F-AE0C-8C2A894DCE49}" dt="2020-09-20T16:07:40.741" v="1090" actId="21"/>
          <ac:spMkLst>
            <pc:docMk/>
            <pc:sldMk cId="4283609295" sldId="264"/>
            <ac:spMk id="35" creationId="{C7C5477E-6641-4C18-BA3E-434797F85591}"/>
          </ac:spMkLst>
        </pc:spChg>
        <pc:spChg chg="add del mod">
          <ac:chgData name="Andreas Raimund" userId="869c4f49-8953-40cf-ad50-313b9245c074" providerId="ADAL" clId="{5E158E1B-F363-496F-AE0C-8C2A894DCE49}" dt="2020-09-20T16:02:14.494" v="1069" actId="21"/>
          <ac:spMkLst>
            <pc:docMk/>
            <pc:sldMk cId="4283609295" sldId="264"/>
            <ac:spMk id="39" creationId="{719E1552-BF71-4939-8497-1851F59DAC66}"/>
          </ac:spMkLst>
        </pc:spChg>
        <pc:grpChg chg="add del mod">
          <ac:chgData name="Andreas Raimund" userId="869c4f49-8953-40cf-ad50-313b9245c074" providerId="ADAL" clId="{5E158E1B-F363-496F-AE0C-8C2A894DCE49}" dt="2020-09-20T16:06:29.887" v="1076" actId="21"/>
          <ac:grpSpMkLst>
            <pc:docMk/>
            <pc:sldMk cId="4283609295" sldId="264"/>
            <ac:grpSpMk id="7" creationId="{BFC9E885-2686-48D2-A0DD-6D841ADC73EC}"/>
          </ac:grpSpMkLst>
        </pc:grpChg>
        <pc:grpChg chg="add del mod">
          <ac:chgData name="Andreas Raimund" userId="869c4f49-8953-40cf-ad50-313b9245c074" providerId="ADAL" clId="{5E158E1B-F363-496F-AE0C-8C2A894DCE49}" dt="2020-09-20T16:08:01.785" v="1095" actId="21"/>
          <ac:grpSpMkLst>
            <pc:docMk/>
            <pc:sldMk cId="4283609295" sldId="264"/>
            <ac:grpSpMk id="9" creationId="{04253BBF-41E0-4258-9050-EFC6513CF12D}"/>
          </ac:grpSpMkLst>
        </pc:grpChg>
        <pc:grpChg chg="add del mod">
          <ac:chgData name="Andreas Raimund" userId="869c4f49-8953-40cf-ad50-313b9245c074" providerId="ADAL" clId="{5E158E1B-F363-496F-AE0C-8C2A894DCE49}" dt="2020-09-20T11:06:10.082" v="437" actId="21"/>
          <ac:grpSpMkLst>
            <pc:docMk/>
            <pc:sldMk cId="4283609295" sldId="264"/>
            <ac:grpSpMk id="16" creationId="{403B21AF-390C-40FE-AF2F-487027057C1C}"/>
          </ac:grpSpMkLst>
        </pc:grpChg>
        <pc:grpChg chg="add del mod">
          <ac:chgData name="Andreas Raimund" userId="869c4f49-8953-40cf-ad50-313b9245c074" providerId="ADAL" clId="{5E158E1B-F363-496F-AE0C-8C2A894DCE49}" dt="2020-09-20T16:00:05.330" v="1042" actId="21"/>
          <ac:grpSpMkLst>
            <pc:docMk/>
            <pc:sldMk cId="4283609295" sldId="264"/>
            <ac:grpSpMk id="33" creationId="{D1ED060A-2958-435F-9BCD-409D966944C1}"/>
          </ac:grpSpMkLst>
        </pc:grpChg>
        <pc:graphicFrameChg chg="add">
          <ac:chgData name="Andreas Raimund" userId="869c4f49-8953-40cf-ad50-313b9245c074" providerId="ADAL" clId="{5E158E1B-F363-496F-AE0C-8C2A894DCE49}" dt="2020-09-20T15:23:26.678" v="489" actId="22"/>
          <ac:graphicFrameMkLst>
            <pc:docMk/>
            <pc:sldMk cId="4283609295" sldId="264"/>
            <ac:graphicFrameMk id="20" creationId="{59E919B2-7A92-4D81-A351-4C571EE74AD0}"/>
          </ac:graphicFrameMkLst>
        </pc:graphicFrameChg>
        <pc:picChg chg="add del mod">
          <ac:chgData name="Andreas Raimund" userId="869c4f49-8953-40cf-ad50-313b9245c074" providerId="ADAL" clId="{5E158E1B-F363-496F-AE0C-8C2A894DCE49}" dt="2020-09-20T11:04:59.793" v="365" actId="478"/>
          <ac:picMkLst>
            <pc:docMk/>
            <pc:sldMk cId="4283609295" sldId="264"/>
            <ac:picMk id="7" creationId="{55CEFDD5-860B-4FF4-BA25-CE8090B3BBDF}"/>
          </ac:picMkLst>
        </pc:picChg>
        <pc:picChg chg="add mod">
          <ac:chgData name="Andreas Raimund" userId="869c4f49-8953-40cf-ad50-313b9245c074" providerId="ADAL" clId="{5E158E1B-F363-496F-AE0C-8C2A894DCE49}" dt="2020-09-20T11:06:09.167" v="436" actId="164"/>
          <ac:picMkLst>
            <pc:docMk/>
            <pc:sldMk cId="4283609295" sldId="264"/>
            <ac:picMk id="9" creationId="{944064CD-DA35-4C9C-BA79-30C64F46C1A6}"/>
          </ac:picMkLst>
        </pc:picChg>
        <pc:picChg chg="add mod">
          <ac:chgData name="Andreas Raimund" userId="869c4f49-8953-40cf-ad50-313b9245c074" providerId="ADAL" clId="{5E158E1B-F363-496F-AE0C-8C2A894DCE49}" dt="2020-09-20T16:07:31.942" v="1087" actId="164"/>
          <ac:picMkLst>
            <pc:docMk/>
            <pc:sldMk cId="4283609295" sldId="264"/>
            <ac:picMk id="15" creationId="{A0488435-E415-4048-A3D7-3B269353710B}"/>
          </ac:picMkLst>
        </pc:picChg>
        <pc:picChg chg="add del mod">
          <ac:chgData name="Andreas Raimund" userId="869c4f49-8953-40cf-ad50-313b9245c074" providerId="ADAL" clId="{5E158E1B-F363-496F-AE0C-8C2A894DCE49}" dt="2020-09-20T15:57:49.103" v="908" actId="21"/>
          <ac:picMkLst>
            <pc:docMk/>
            <pc:sldMk cId="4283609295" sldId="264"/>
            <ac:picMk id="22" creationId="{19D60536-6BF5-47D8-8EE5-8366AAB03491}"/>
          </ac:picMkLst>
        </pc:picChg>
        <pc:picChg chg="add mod">
          <ac:chgData name="Andreas Raimund" userId="869c4f49-8953-40cf-ad50-313b9245c074" providerId="ADAL" clId="{5E158E1B-F363-496F-AE0C-8C2A894DCE49}" dt="2020-09-20T15:59:58.906" v="1040" actId="164"/>
          <ac:picMkLst>
            <pc:docMk/>
            <pc:sldMk cId="4283609295" sldId="264"/>
            <ac:picMk id="25" creationId="{5A6FF1FF-CDD2-4B88-B306-449CB8637BFF}"/>
          </ac:picMkLst>
        </pc:picChg>
        <pc:picChg chg="add del mod">
          <ac:chgData name="Andreas Raimund" userId="869c4f49-8953-40cf-ad50-313b9245c074" providerId="ADAL" clId="{5E158E1B-F363-496F-AE0C-8C2A894DCE49}" dt="2020-09-20T16:07:22.147" v="1085" actId="21"/>
          <ac:picMkLst>
            <pc:docMk/>
            <pc:sldMk cId="4283609295" sldId="264"/>
            <ac:picMk id="27" creationId="{33C6F687-FA86-4190-A674-E3D6C782DAC1}"/>
          </ac:picMkLst>
        </pc:picChg>
        <pc:cxnChg chg="add mod">
          <ac:chgData name="Andreas Raimund" userId="869c4f49-8953-40cf-ad50-313b9245c074" providerId="ADAL" clId="{5E158E1B-F363-496F-AE0C-8C2A894DCE49}" dt="2020-09-20T11:06:09.167" v="436" actId="164"/>
          <ac:cxnSpMkLst>
            <pc:docMk/>
            <pc:sldMk cId="4283609295" sldId="264"/>
            <ac:cxnSpMk id="11" creationId="{33A40A90-6268-4347-AA65-C5254FCFF996}"/>
          </ac:cxnSpMkLst>
        </pc:cxnChg>
        <pc:cxnChg chg="add mod">
          <ac:chgData name="Andreas Raimund" userId="869c4f49-8953-40cf-ad50-313b9245c074" providerId="ADAL" clId="{5E158E1B-F363-496F-AE0C-8C2A894DCE49}" dt="2020-09-20T11:06:09.167" v="436" actId="164"/>
          <ac:cxnSpMkLst>
            <pc:docMk/>
            <pc:sldMk cId="4283609295" sldId="264"/>
            <ac:cxnSpMk id="12" creationId="{EF5C6909-EF34-499E-B317-FD2A42AC362C}"/>
          </ac:cxnSpMkLst>
        </pc:cxnChg>
        <pc:cxnChg chg="add mod">
          <ac:chgData name="Andreas Raimund" userId="869c4f49-8953-40cf-ad50-313b9245c074" providerId="ADAL" clId="{5E158E1B-F363-496F-AE0C-8C2A894DCE49}" dt="2020-09-20T16:07:31.942" v="1087" actId="164"/>
          <ac:cxnSpMkLst>
            <pc:docMk/>
            <pc:sldMk cId="4283609295" sldId="264"/>
            <ac:cxnSpMk id="16" creationId="{B70219BB-71DC-4D6E-9F7B-0FEC814C9207}"/>
          </ac:cxnSpMkLst>
        </pc:cxnChg>
        <pc:cxnChg chg="add mod">
          <ac:chgData name="Andreas Raimund" userId="869c4f49-8953-40cf-ad50-313b9245c074" providerId="ADAL" clId="{5E158E1B-F363-496F-AE0C-8C2A894DCE49}" dt="2020-09-20T16:07:31.942" v="1087" actId="164"/>
          <ac:cxnSpMkLst>
            <pc:docMk/>
            <pc:sldMk cId="4283609295" sldId="264"/>
            <ac:cxnSpMk id="17" creationId="{FF024435-FA31-457D-9DC0-BDA83E4495C8}"/>
          </ac:cxnSpMkLst>
        </pc:cxnChg>
        <pc:cxnChg chg="add mod">
          <ac:chgData name="Andreas Raimund" userId="869c4f49-8953-40cf-ad50-313b9245c074" providerId="ADAL" clId="{5E158E1B-F363-496F-AE0C-8C2A894DCE49}" dt="2020-09-20T15:59:58.906" v="1040" actId="164"/>
          <ac:cxnSpMkLst>
            <pc:docMk/>
            <pc:sldMk cId="4283609295" sldId="264"/>
            <ac:cxnSpMk id="30" creationId="{8138E766-C597-4408-9F51-A1D00690557D}"/>
          </ac:cxnSpMkLst>
        </pc:cxnChg>
        <pc:cxnChg chg="add mod">
          <ac:chgData name="Andreas Raimund" userId="869c4f49-8953-40cf-ad50-313b9245c074" providerId="ADAL" clId="{5E158E1B-F363-496F-AE0C-8C2A894DCE49}" dt="2020-09-20T15:59:58.906" v="1040" actId="164"/>
          <ac:cxnSpMkLst>
            <pc:docMk/>
            <pc:sldMk cId="4283609295" sldId="264"/>
            <ac:cxnSpMk id="31" creationId="{A4658C3C-BA7B-4C6C-A8A0-75A2314A48C9}"/>
          </ac:cxnSpMkLst>
        </pc:cxnChg>
        <pc:cxnChg chg="add del mod">
          <ac:chgData name="Andreas Raimund" userId="869c4f49-8953-40cf-ad50-313b9245c074" providerId="ADAL" clId="{5E158E1B-F363-496F-AE0C-8C2A894DCE49}" dt="2020-09-20T16:07:22.147" v="1085" actId="21"/>
          <ac:cxnSpMkLst>
            <pc:docMk/>
            <pc:sldMk cId="4283609295" sldId="264"/>
            <ac:cxnSpMk id="37" creationId="{A0ED5393-05E3-4017-9740-C3911A6E01DD}"/>
          </ac:cxnSpMkLst>
        </pc:cxnChg>
        <pc:cxnChg chg="add del mod">
          <ac:chgData name="Andreas Raimund" userId="869c4f49-8953-40cf-ad50-313b9245c074" providerId="ADAL" clId="{5E158E1B-F363-496F-AE0C-8C2A894DCE49}" dt="2020-09-20T16:07:22.147" v="1085" actId="21"/>
          <ac:cxnSpMkLst>
            <pc:docMk/>
            <pc:sldMk cId="4283609295" sldId="264"/>
            <ac:cxnSpMk id="38" creationId="{EEF7E634-250F-4D67-9BBF-4308A7766336}"/>
          </ac:cxnSpMkLst>
        </pc:cxn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lcome. My name is Andreas Stilling-Andersen and I am a master student from the Technical University of Denmark at the Department of Energy conversion and storage. Today I would like to present “Time-dependent temperature response in bulk materials from two heat sources”. </a:t>
            </a:r>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87871715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First, I would like to introduce four-point-probe resistance measurements. This is a commonly used technique to measure the resistivity of a bulk material. A current is passed through two probes while a voltage is measured using another set of probes in Figure 1. In this way the resistance can be obtained without also measuring the contact resistance. However, at the current probes the contact resistance causes Joule heating, which heats up the material. Therefore the measurements can be distorted. A preview of a possible temperature distribution can be seen here in Figure 2. When the material is heated several physical effects can distort the measured voltage, for example thermoelectric effects or the temperature dependence of the resistivity. This also implies that these effects possibly can be measured from the voltage when the temperature is known. The goal of this work is to develop an analytical expression for the time-dependent temperature profile and verify it using numerical modelling in COMSOL. </a:t>
            </a:r>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2</a:t>
            </a:fld>
            <a:endParaRPr lang="da-DK" dirty="0"/>
          </a:p>
        </p:txBody>
      </p:sp>
    </p:spTree>
    <p:extLst>
      <p:ext uri="{BB962C8B-B14F-4D97-AF65-F5344CB8AC3E}">
        <p14:creationId xmlns:p14="http://schemas.microsoft.com/office/powerpoint/2010/main" val="64291894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analytical model is developed as a solution to the time-dependent heat equation. We assume that the power from the Joule heating is dissipated near the surface of a semi-infinite substrate, illustrated in Figure 3. The heat spreads radially outwards from the injection point, thus it is fair to assume that the solution is spherical symmetric. The injected heat current density is dissipated at a hemisphere of radius “a”, which is assumed to be very small. Infinitely far away from the source the temperature is equal to the background temperature “T_0”. Using an alternating current in the measurements, we can calculate the dissipated power as the resistance times the current squared. Dividing the power by the hemispherical surface area we obtain the heat current density. Using a sine wave as the input the power dissipated follows sine squared. This results in a constant term, named the direct current term, and an alternating current term at twice the driving frequency. The complete solution can then be found as a superposition from these two terms. For the DC term we neglect transient effects and can easily determine the solution. For the AC term we need to assume the temperature has a simple harmonic dependence. When we have found the two terms of the solution, we can simply add them along with background temperature to fulfill the second boundary condition. In the case of two heat sources we can simply superpose two solutions of the temperature distribution. We need to subtract the background temperature since this would otherwise be included twice. </a:t>
            </a:r>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42222674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COMSOL model is build in the Heat Transfer module with the Heat Transfer in solids interface implementing a time-dependent study. In order to build the model I will first introduce the thermal diffusivity, and the thermal diffusion length, which is the characteristic length scale of the problem. We can model our bulk material as a square box with a </a:t>
            </a:r>
            <a:r>
              <a:rPr lang="en-US" dirty="0" err="1"/>
              <a:t>sidelength</a:t>
            </a:r>
            <a:r>
              <a:rPr lang="en-US" dirty="0"/>
              <a:t> “L” equal to 10 times the diffusion length. The backside of the box is kept at fixed temperature, meanwhile the other sides are thermally insulated. The heat current density is injected through a hemispherical cut into the surface of radius “a”, equal to one two thousandth part of the diffusion length, thus resembling a point like source. First, we are going to study the transient heating using only a DC heat source. It was our assumption that we could neglect transient effects. In Figure 5 we can see how the temperature approaches steady-state. The time-derivative goes to zero indicating steady-state have been reached. Comparing the steady-state temperature calculated with COMSOL and the analytic model we can see they fit quite nice in Figure 6. Using this result (click for animation) we can calculate the relative and absolute deviation in Figure 7. As we can observe the absolute deviation is almost constant while the relative error steadily increases. This error could likely be caused by the finite size of our bulk material in COMSOL. </a:t>
            </a:r>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4</a:t>
            </a:fld>
            <a:endParaRPr lang="da-DK" dirty="0"/>
          </a:p>
        </p:txBody>
      </p:sp>
    </p:spTree>
    <p:extLst>
      <p:ext uri="{BB962C8B-B14F-4D97-AF65-F5344CB8AC3E}">
        <p14:creationId xmlns:p14="http://schemas.microsoft.com/office/powerpoint/2010/main" val="16606755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have concluded that the DC steady-state solution is a good approximation for a DC heat current. We can now expand the problem to include both the DC and AC term as the heat source. From this we can calculate the change in temperature with the analytic and numeric approach in Figure 8. The wave is characterized by its amplitude and phase. The phase shift is measured from the perimeter of the hemisphere. We can extract the amplitude and phase shift from the data in Figure 8 using the fast </a:t>
            </a:r>
            <a:r>
              <a:rPr lang="en-US" dirty="0" err="1"/>
              <a:t>fourier</a:t>
            </a:r>
            <a:r>
              <a:rPr lang="en-US" dirty="0"/>
              <a:t> transformation. To avoid transient effects we only look at the two lasts periods. We can observe that the numerically and analytically calculated amplitude in Figure 9 match quite well. We can quantify the error by calculating the relative and absolute deviation (click for animation) between the two solutions in Figure 11. Here we can observe a decreasing absolute error further away from the source. However, since the temperature is also lower here the relative error increases. Returning to Figure 10 we can compare the obtained phase shifts. Here it is apparent that the numerical calculated phase shift starts to deviate from the linear analytic predicted trend further away from the source. (click for animation) This trends is clearer if we look at the absolute error in Figure 12 which follows a linear trend. Nonetheless, the phase shift grows larger further away from the source, which results in a decrease in the relative deviation.  </a:t>
            </a:r>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5</a:t>
            </a:fld>
            <a:endParaRPr lang="da-DK" dirty="0"/>
          </a:p>
        </p:txBody>
      </p:sp>
    </p:spTree>
    <p:extLst>
      <p:ext uri="{BB962C8B-B14F-4D97-AF65-F5344CB8AC3E}">
        <p14:creationId xmlns:p14="http://schemas.microsoft.com/office/powerpoint/2010/main" val="262661314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Finally, we can start to investigate the temperature profile using two heat sources. Here we use the superposition of the solution for a single probe including both the DC and AC term. The result is shown here (point). When performing four-point probe resistance measurements we are typically interested in the temperature difference between the two probes measuring the voltage drop. Therefore we can calculate the temperature difference between two points using our derived result, and compare it to COMSOL in Figure 13. Using the Fourier transform we can extract the amplitude and phase of the analytic and numeric solution. In this case we do not calculate the phase shift from a reference point, thus the Fourier transform adds an arbitrary phase, since we do not start our Fourier transform at “t = 0”. In table 1 the results are collected. Here we can see the relative deviation for the amplitude is larger than the result using a single probe. For the phase we should not trust the relative deviation, since we have this arbitrary phase contribution, instead we can see the absolute deviation is quite low at 0.16 degrees. This is also larger than the error observed for a single probe. The deviation between the analytic and numeric solution is quite low. This means we can still apply the developed analytic solution for real four-point probe measurements in future work. </a:t>
            </a:r>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6</a:t>
            </a:fld>
            <a:endParaRPr lang="da-DK" dirty="0"/>
          </a:p>
        </p:txBody>
      </p:sp>
    </p:spTree>
    <p:extLst>
      <p:ext uri="{BB962C8B-B14F-4D97-AF65-F5344CB8AC3E}">
        <p14:creationId xmlns:p14="http://schemas.microsoft.com/office/powerpoint/2010/main" val="208683930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n this work, an analytic solution for the time-dependent temperature response in bulk materials has been developed. The analytic solution was compared to numerical solutions calculated with COMSOL using a finite substrate. Here it was shown that the two solutions matched quite well, even though the analytic solution assumed a semi-infinite substrate. The analytic solution was able to predict the phase with an error of 0.05</a:t>
            </a:r>
            <a:r>
              <a:rPr lang="en-DK" b="0" i="0" dirty="0">
                <a:solidFill>
                  <a:srgbClr val="222222"/>
                </a:solidFill>
                <a:effectLst/>
                <a:latin typeface="arial" panose="020B0604020202020204" pitchFamily="34" charset="0"/>
              </a:rPr>
              <a:t>°</a:t>
            </a:r>
            <a:r>
              <a:rPr lang="en-US" dirty="0"/>
              <a:t> and the amplitude with an error of 0.4% compared to the numeric solution for a single probe. Superposing the analytic solution allowed the problem to be expanded to include two heat sources. Once again, a good agreement between the analytic and numeric results was found. The error, however, was larger for the two-probe solution compared to the single probe. This work shows that it is possible to describe the time-dependent temperature profile in four-point probe resistance measurements using a simple analytic equation. This can hopefully help to include thermal effects in the measurements that would ultimately lead to a </a:t>
            </a:r>
            <a:r>
              <a:rPr lang="en-US"/>
              <a:t>higher accuracy, </a:t>
            </a:r>
            <a:r>
              <a:rPr lang="en-US" dirty="0"/>
              <a:t>or might even allow the measurements of thermal properties using a voltage signal. </a:t>
            </a:r>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7</a:t>
            </a:fld>
            <a:endParaRPr lang="da-DK" dirty="0"/>
          </a:p>
        </p:txBody>
      </p:sp>
    </p:spTree>
    <p:extLst>
      <p:ext uri="{BB962C8B-B14F-4D97-AF65-F5344CB8AC3E}">
        <p14:creationId xmlns:p14="http://schemas.microsoft.com/office/powerpoint/2010/main" val="3311350856"/>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2"/>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2F3EEA"/>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2F3EEA"/>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2F3EEA"/>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2F3EEA"/>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2F3EEA"/>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46796068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endParaRPr lang="en-GB" dirty="0"/>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endParaRPr lang="en-GB"/>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2F3EEA"/>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chemeClr val="accent2"/>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47a9651d-5042-4c84-a5fd-014d20cad826&quot;}}" title="UserProfile.Offices.Workarea_{{DocumentLanguage}}"/>
          <p:cNvSpPr>
            <a:spLocks noChangeArrowheads="1"/>
          </p:cNvSpPr>
          <p:nvPr/>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a:solidFill>
                  <a:schemeClr val="bg1"/>
                </a:solidFill>
                <a:latin typeface="+mn-lt"/>
              </a:rPr>
              <a:t>DTU Energy</a:t>
            </a:r>
          </a:p>
        </p:txBody>
      </p:sp>
      <p:sp>
        <p:nvSpPr>
          <p:cNvPr id="5" name="date" descr="{&quot;templafy&quot;:{&quot;id&quot;:&quot;1a8fe335-554f-4c48-a3c6-3e4ceeda75ce&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13 September 2020</a:t>
            </a:r>
          </a:p>
        </p:txBody>
      </p:sp>
      <p:sp>
        <p:nvSpPr>
          <p:cNvPr id="7" name="text" descr="{&quot;templafy&quot;:{&quot;id&quot;:&quot;b1a183d4-08e3-4b17-89cd-ff7332b04f64&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me-dependent temperature response in bulk materials from two heat sources</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2F3EEA"/>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microsoft.com/office/2007/relationships/media" Target="../media/media1.m4a"/><Relationship Id="rId7" Type="http://schemas.openxmlformats.org/officeDocument/2006/relationships/image" Target="../media/image1.png"/><Relationship Id="rId2" Type="http://schemas.openxmlformats.org/officeDocument/2006/relationships/customXml" Target="../../customXml/item4.xml"/><Relationship Id="rId1" Type="http://schemas.openxmlformats.org/officeDocument/2006/relationships/customXml" Target="../../customXml/item3.xml"/><Relationship Id="rId6" Type="http://schemas.openxmlformats.org/officeDocument/2006/relationships/notesSlide" Target="../notesSlides/notesSlide1.xml"/><Relationship Id="rId5" Type="http://schemas.openxmlformats.org/officeDocument/2006/relationships/slideLayout" Target="../slideLayouts/slideLayout1.xml"/><Relationship Id="rId4" Type="http://schemas.openxmlformats.org/officeDocument/2006/relationships/audio" Target="../media/media1.m4a"/></Relationships>
</file>

<file path=ppt/slides/_rels/slide2.xml.rels><?xml version="1.0" encoding="UTF-8" standalone="yes"?>
<Relationships xmlns="http://schemas.openxmlformats.org/package/2006/relationships"><Relationship Id="rId8" Type="http://schemas.openxmlformats.org/officeDocument/2006/relationships/image" Target="../media/image1.png"/><Relationship Id="rId3" Type="http://schemas.microsoft.com/office/2007/relationships/media" Target="../media/media2.m4a"/><Relationship Id="rId7" Type="http://schemas.openxmlformats.org/officeDocument/2006/relationships/image" Target="../media/image2.png"/><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notesSlide" Target="../notesSlides/notesSlide2.xml"/><Relationship Id="rId5" Type="http://schemas.openxmlformats.org/officeDocument/2006/relationships/slideLayout" Target="../slideLayouts/slideLayout3.xml"/><Relationship Id="rId4" Type="http://schemas.openxmlformats.org/officeDocument/2006/relationships/audio" Target="../media/media2.m4a"/></Relationships>
</file>

<file path=ppt/slides/_rels/slide3.xml.rels><?xml version="1.0" encoding="UTF-8" standalone="yes"?>
<Relationships xmlns="http://schemas.openxmlformats.org/package/2006/relationships"><Relationship Id="rId8" Type="http://schemas.openxmlformats.org/officeDocument/2006/relationships/image" Target="../media/image5.png"/><Relationship Id="rId13" Type="http://schemas.openxmlformats.org/officeDocument/2006/relationships/image" Target="../media/image10.png"/><Relationship Id="rId3" Type="http://schemas.openxmlformats.org/officeDocument/2006/relationships/slideLayout" Target="../slideLayouts/slideLayout3.xml"/><Relationship Id="rId7" Type="http://schemas.openxmlformats.org/officeDocument/2006/relationships/image" Target="../media/image4.png"/><Relationship Id="rId12" Type="http://schemas.openxmlformats.org/officeDocument/2006/relationships/image" Target="../media/image9.png"/><Relationship Id="rId2" Type="http://schemas.openxmlformats.org/officeDocument/2006/relationships/audio" Target="../media/media3.m4a"/><Relationship Id="rId16" Type="http://schemas.openxmlformats.org/officeDocument/2006/relationships/image" Target="../media/image1.png"/><Relationship Id="rId1" Type="http://schemas.microsoft.com/office/2007/relationships/media" Target="../media/media3.m4a"/><Relationship Id="rId6" Type="http://schemas.openxmlformats.org/officeDocument/2006/relationships/image" Target="../media/image3.png"/><Relationship Id="rId11" Type="http://schemas.openxmlformats.org/officeDocument/2006/relationships/image" Target="../media/image8.png"/><Relationship Id="rId5" Type="http://schemas.openxmlformats.org/officeDocument/2006/relationships/image" Target="../media/image210.png"/><Relationship Id="rId15" Type="http://schemas.openxmlformats.org/officeDocument/2006/relationships/image" Target="../media/image12.png"/><Relationship Id="rId10" Type="http://schemas.openxmlformats.org/officeDocument/2006/relationships/image" Target="../media/image7.png"/><Relationship Id="rId4" Type="http://schemas.openxmlformats.org/officeDocument/2006/relationships/notesSlide" Target="../notesSlides/notesSlide3.xml"/><Relationship Id="rId9" Type="http://schemas.openxmlformats.org/officeDocument/2006/relationships/image" Target="../media/image6.png"/><Relationship Id="rId14" Type="http://schemas.openxmlformats.org/officeDocument/2006/relationships/image" Target="../media/image11.png"/></Relationships>
</file>

<file path=ppt/slides/_rels/slide4.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audio" Target="../media/media4.m4a"/><Relationship Id="rId7" Type="http://schemas.openxmlformats.org/officeDocument/2006/relationships/image" Target="../media/image14.png"/><Relationship Id="rId12" Type="http://schemas.openxmlformats.org/officeDocument/2006/relationships/image" Target="../media/image1.png"/><Relationship Id="rId2" Type="http://schemas.microsoft.com/office/2007/relationships/media" Target="../media/media4.m4a"/><Relationship Id="rId1" Type="http://schemas.openxmlformats.org/officeDocument/2006/relationships/tags" Target="../tags/tag6.xml"/><Relationship Id="rId6" Type="http://schemas.openxmlformats.org/officeDocument/2006/relationships/image" Target="../media/image13.png"/><Relationship Id="rId11" Type="http://schemas.openxmlformats.org/officeDocument/2006/relationships/image" Target="../media/image18.png"/><Relationship Id="rId5" Type="http://schemas.openxmlformats.org/officeDocument/2006/relationships/notesSlide" Target="../notesSlides/notesSlide4.xml"/><Relationship Id="rId10" Type="http://schemas.openxmlformats.org/officeDocument/2006/relationships/image" Target="../media/image17.png"/><Relationship Id="rId4" Type="http://schemas.openxmlformats.org/officeDocument/2006/relationships/slideLayout" Target="../slideLayouts/slideLayout3.xml"/><Relationship Id="rId9" Type="http://schemas.openxmlformats.org/officeDocument/2006/relationships/image" Target="../media/image16.png"/></Relationships>
</file>

<file path=ppt/slides/_rels/slide5.xml.rels><?xml version="1.0" encoding="UTF-8" standalone="yes"?>
<Relationships xmlns="http://schemas.openxmlformats.org/package/2006/relationships"><Relationship Id="rId8" Type="http://schemas.openxmlformats.org/officeDocument/2006/relationships/image" Target="../media/image21.png"/><Relationship Id="rId13" Type="http://schemas.openxmlformats.org/officeDocument/2006/relationships/image" Target="../media/image25.png"/><Relationship Id="rId3" Type="http://schemas.openxmlformats.org/officeDocument/2006/relationships/audio" Target="../media/media5.m4a"/><Relationship Id="rId7" Type="http://schemas.openxmlformats.org/officeDocument/2006/relationships/image" Target="../media/image20.png"/><Relationship Id="rId12" Type="http://schemas.openxmlformats.org/officeDocument/2006/relationships/image" Target="../media/image24.png"/><Relationship Id="rId2" Type="http://schemas.microsoft.com/office/2007/relationships/media" Target="../media/media5.m4a"/><Relationship Id="rId1" Type="http://schemas.openxmlformats.org/officeDocument/2006/relationships/tags" Target="../tags/tag7.xml"/><Relationship Id="rId6" Type="http://schemas.openxmlformats.org/officeDocument/2006/relationships/image" Target="../media/image19.png"/><Relationship Id="rId11" Type="http://schemas.openxmlformats.org/officeDocument/2006/relationships/image" Target="../media/image23.png"/><Relationship Id="rId5" Type="http://schemas.openxmlformats.org/officeDocument/2006/relationships/notesSlide" Target="../notesSlides/notesSlide5.xml"/><Relationship Id="rId10" Type="http://schemas.openxmlformats.org/officeDocument/2006/relationships/image" Target="../media/image220.png"/><Relationship Id="rId4" Type="http://schemas.openxmlformats.org/officeDocument/2006/relationships/slideLayout" Target="../slideLayouts/slideLayout3.xml"/><Relationship Id="rId9" Type="http://schemas.openxmlformats.org/officeDocument/2006/relationships/image" Target="../media/image22.png"/><Relationship Id="rId14" Type="http://schemas.openxmlformats.org/officeDocument/2006/relationships/image" Target="../media/image1.png"/></Relationships>
</file>

<file path=ppt/slides/_rels/slide6.xml.rels><?xml version="1.0" encoding="UTF-8" standalone="yes"?>
<Relationships xmlns="http://schemas.openxmlformats.org/package/2006/relationships"><Relationship Id="rId8" Type="http://schemas.openxmlformats.org/officeDocument/2006/relationships/image" Target="../media/image27.png"/><Relationship Id="rId3" Type="http://schemas.openxmlformats.org/officeDocument/2006/relationships/slideLayout" Target="../slideLayouts/slideLayout3.xml"/><Relationship Id="rId7" Type="http://schemas.openxmlformats.org/officeDocument/2006/relationships/image" Target="../media/image29.png"/><Relationship Id="rId2" Type="http://schemas.openxmlformats.org/officeDocument/2006/relationships/audio" Target="../media/media6.m4a"/><Relationship Id="rId1" Type="http://schemas.microsoft.com/office/2007/relationships/media" Target="../media/media6.m4a"/><Relationship Id="rId6" Type="http://schemas.openxmlformats.org/officeDocument/2006/relationships/image" Target="../media/image28.png"/><Relationship Id="rId11" Type="http://schemas.openxmlformats.org/officeDocument/2006/relationships/image" Target="../media/image1.png"/><Relationship Id="rId5" Type="http://schemas.openxmlformats.org/officeDocument/2006/relationships/image" Target="../media/image26.png"/><Relationship Id="rId10" Type="http://schemas.openxmlformats.org/officeDocument/2006/relationships/image" Target="../media/image31.png"/><Relationship Id="rId4" Type="http://schemas.openxmlformats.org/officeDocument/2006/relationships/notesSlide" Target="../notesSlides/notesSlide6.xml"/><Relationship Id="rId9" Type="http://schemas.openxmlformats.org/officeDocument/2006/relationships/image" Target="../media/image30.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audio" Target="../media/media7.m4a"/><Relationship Id="rId1" Type="http://schemas.microsoft.com/office/2007/relationships/media" Target="../media/media7.m4a"/><Relationship Id="rId5" Type="http://schemas.openxmlformats.org/officeDocument/2006/relationships/image" Target="../media/image1.png"/><Relationship Id="rId4" Type="http://schemas.openxmlformats.org/officeDocument/2006/relationships/notesSlide" Target="../notesSlides/notesSlide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49859" y="4221087"/>
            <a:ext cx="10840028" cy="2030487"/>
          </a:xfrm>
        </p:spPr>
        <p:txBody>
          <a:bodyPr/>
          <a:lstStyle/>
          <a:p>
            <a:r>
              <a:rPr lang="en-US" sz="3600" dirty="0"/>
              <a:t>Time-dependent temperature response in bulk materials from two heat sources</a:t>
            </a:r>
            <a:endParaRPr lang="en-GB" sz="3600"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247072" y="1806586"/>
            <a:ext cx="10840028" cy="1660654"/>
          </a:xfrm>
        </p:spPr>
        <p:txBody>
          <a:bodyPr/>
          <a:lstStyle/>
          <a:p>
            <a:pPr>
              <a:lnSpc>
                <a:spcPct val="107000"/>
              </a:lnSpc>
              <a:spcAft>
                <a:spcPts val="800"/>
              </a:spcAft>
            </a:pPr>
            <a:r>
              <a:rPr lang="da-DK" sz="1400" b="1" dirty="0">
                <a:effectLst/>
                <a:latin typeface="Calibri" panose="020F0502020204030204" pitchFamily="34" charset="0"/>
                <a:ea typeface="Calibri" panose="020F0502020204030204" pitchFamily="34" charset="0"/>
                <a:cs typeface="Calibri" panose="020F0502020204030204" pitchFamily="34" charset="0"/>
              </a:rPr>
              <a:t>A. R. Stilling-Andersen</a:t>
            </a:r>
            <a:r>
              <a:rPr lang="da-DK" sz="1400" b="1" baseline="30000" dirty="0">
                <a:effectLst/>
                <a:latin typeface="Calibri" panose="020F0502020204030204" pitchFamily="34" charset="0"/>
                <a:ea typeface="Calibri" panose="020F0502020204030204" pitchFamily="34" charset="0"/>
                <a:cs typeface="Calibri" panose="020F0502020204030204" pitchFamily="34" charset="0"/>
              </a:rPr>
              <a:t>1</a:t>
            </a:r>
            <a:r>
              <a:rPr lang="da-DK" sz="1400" dirty="0">
                <a:effectLst/>
                <a:latin typeface="Calibri" panose="020F0502020204030204" pitchFamily="34" charset="0"/>
                <a:ea typeface="Calibri" panose="020F0502020204030204" pitchFamily="34" charset="0"/>
                <a:cs typeface="Calibri" panose="020F0502020204030204" pitchFamily="34" charset="0"/>
              </a:rPr>
              <a:t>, B. Guralnik</a:t>
            </a:r>
            <a:r>
              <a:rPr lang="da-DK" sz="1400" baseline="30000" dirty="0">
                <a:effectLst/>
                <a:latin typeface="Calibri" panose="020F0502020204030204" pitchFamily="34" charset="0"/>
                <a:ea typeface="Calibri" panose="020F0502020204030204" pitchFamily="34" charset="0"/>
                <a:cs typeface="Calibri" panose="020F0502020204030204" pitchFamily="34" charset="0"/>
              </a:rPr>
              <a:t>1,2</a:t>
            </a:r>
            <a:r>
              <a:rPr lang="da-DK" sz="1400" dirty="0">
                <a:effectLst/>
                <a:latin typeface="Calibri" panose="020F0502020204030204" pitchFamily="34" charset="0"/>
                <a:ea typeface="Calibri" panose="020F0502020204030204" pitchFamily="34" charset="0"/>
                <a:cs typeface="Calibri" panose="020F0502020204030204" pitchFamily="34" charset="0"/>
              </a:rPr>
              <a:t>, O. Hansen</a:t>
            </a:r>
            <a:r>
              <a:rPr lang="da-DK" sz="1400" baseline="30000" dirty="0">
                <a:effectLst/>
                <a:latin typeface="Calibri" panose="020F0502020204030204" pitchFamily="34" charset="0"/>
                <a:ea typeface="Calibri" panose="020F0502020204030204" pitchFamily="34" charset="0"/>
                <a:cs typeface="Calibri" panose="020F0502020204030204" pitchFamily="34" charset="0"/>
              </a:rPr>
              <a:t>3</a:t>
            </a:r>
            <a:r>
              <a:rPr lang="da-DK" sz="1400" dirty="0">
                <a:effectLst/>
                <a:latin typeface="Calibri" panose="020F0502020204030204" pitchFamily="34" charset="0"/>
                <a:ea typeface="Calibri" panose="020F0502020204030204" pitchFamily="34" charset="0"/>
                <a:cs typeface="Calibri" panose="020F0502020204030204" pitchFamily="34" charset="0"/>
              </a:rPr>
              <a:t>, S. E. Hansen</a:t>
            </a:r>
            <a:r>
              <a:rPr lang="da-DK" sz="1400" baseline="30000" dirty="0">
                <a:effectLst/>
                <a:latin typeface="Calibri" panose="020F0502020204030204" pitchFamily="34" charset="0"/>
                <a:ea typeface="Calibri" panose="020F0502020204030204" pitchFamily="34" charset="0"/>
                <a:cs typeface="Calibri" panose="020F0502020204030204" pitchFamily="34" charset="0"/>
              </a:rPr>
              <a:t>4</a:t>
            </a:r>
            <a:r>
              <a:rPr lang="da-DK" sz="1400" dirty="0">
                <a:effectLst/>
                <a:latin typeface="Calibri" panose="020F0502020204030204" pitchFamily="34" charset="0"/>
                <a:ea typeface="Calibri" panose="020F0502020204030204" pitchFamily="34" charset="0"/>
                <a:cs typeface="Calibri" panose="020F0502020204030204" pitchFamily="34" charset="0"/>
              </a:rPr>
              <a:t>, T. A. Marangoni</a:t>
            </a:r>
            <a:r>
              <a:rPr lang="da-DK" sz="1400" baseline="30000" dirty="0">
                <a:effectLst/>
                <a:latin typeface="Calibri" panose="020F0502020204030204" pitchFamily="34" charset="0"/>
                <a:ea typeface="Calibri" panose="020F0502020204030204" pitchFamily="34" charset="0"/>
                <a:cs typeface="Calibri" panose="020F0502020204030204" pitchFamily="34" charset="0"/>
              </a:rPr>
              <a:t>5</a:t>
            </a:r>
            <a:r>
              <a:rPr lang="da-DK" sz="1400" dirty="0">
                <a:effectLst/>
                <a:latin typeface="Calibri" panose="020F0502020204030204" pitchFamily="34" charset="0"/>
                <a:ea typeface="Calibri" panose="020F0502020204030204" pitchFamily="34" charset="0"/>
                <a:cs typeface="Calibri" panose="020F0502020204030204" pitchFamily="34" charset="0"/>
              </a:rPr>
              <a:t>, D. H. Petersen</a:t>
            </a:r>
            <a:r>
              <a:rPr lang="da-DK" sz="1400" baseline="30000" dirty="0">
                <a:effectLst/>
                <a:latin typeface="Calibri" panose="020F0502020204030204" pitchFamily="34" charset="0"/>
                <a:ea typeface="Calibri" panose="020F0502020204030204" pitchFamily="34" charset="0"/>
                <a:cs typeface="Calibri" panose="020F0502020204030204" pitchFamily="34" charset="0"/>
              </a:rPr>
              <a:t>1</a:t>
            </a:r>
            <a:r>
              <a:rPr lang="da-DK" sz="1400" dirty="0">
                <a:effectLst/>
                <a:latin typeface="Calibri" panose="020F0502020204030204" pitchFamily="34" charset="0"/>
                <a:ea typeface="Calibri" panose="020F0502020204030204" pitchFamily="34" charset="0"/>
                <a:cs typeface="Calibri" panose="020F0502020204030204" pitchFamily="34" charset="0"/>
              </a:rPr>
              <a:t>* </a:t>
            </a:r>
            <a:endParaRPr lang="en-DK" sz="1400" dirty="0">
              <a:effectLst/>
              <a:latin typeface="Calibri" panose="020F0502020204030204" pitchFamily="34" charset="0"/>
              <a:ea typeface="Calibri" panose="020F0502020204030204" pitchFamily="34" charset="0"/>
              <a:cs typeface="Times New Roman" panose="02020603050405020304" pitchFamily="18" charset="0"/>
            </a:endParaRPr>
          </a:p>
          <a:p>
            <a:r>
              <a:rPr lang="en-US" sz="1400" dirty="0">
                <a:effectLst/>
                <a:latin typeface="Calibri" panose="020F0502020204030204" pitchFamily="34" charset="0"/>
                <a:ea typeface="Calibri" panose="020F0502020204030204" pitchFamily="34" charset="0"/>
                <a:cs typeface="Times New Roman" panose="02020603050405020304" pitchFamily="18" charset="0"/>
              </a:rPr>
              <a:t>1. Department of Energy Conversion and Storage, Technical University of Denmark, </a:t>
            </a:r>
            <a:r>
              <a:rPr lang="en-US" sz="1400" dirty="0" err="1">
                <a:effectLst/>
                <a:latin typeface="Calibri" panose="020F0502020204030204" pitchFamily="34" charset="0"/>
                <a:ea typeface="Calibri" panose="020F0502020204030204" pitchFamily="34" charset="0"/>
                <a:cs typeface="Times New Roman" panose="02020603050405020304" pitchFamily="18" charset="0"/>
              </a:rPr>
              <a:t>Fysikvej</a:t>
            </a:r>
            <a:r>
              <a:rPr lang="en-US" sz="1400" dirty="0">
                <a:effectLst/>
                <a:latin typeface="Calibri" panose="020F0502020204030204" pitchFamily="34" charset="0"/>
                <a:ea typeface="Calibri" panose="020F0502020204030204" pitchFamily="34" charset="0"/>
                <a:cs typeface="Times New Roman" panose="02020603050405020304" pitchFamily="18" charset="0"/>
              </a:rPr>
              <a:t>, Building 310, DK-2800 Kgs. Lyngby, Denmark</a:t>
            </a:r>
            <a:br>
              <a:rPr lang="en-US" sz="1400" dirty="0">
                <a:effectLst/>
                <a:latin typeface="Calibri" panose="020F0502020204030204" pitchFamily="34" charset="0"/>
                <a:ea typeface="Calibri" panose="020F0502020204030204" pitchFamily="34" charset="0"/>
                <a:cs typeface="Times New Roman" panose="02020603050405020304" pitchFamily="18" charset="0"/>
              </a:rPr>
            </a:br>
            <a:r>
              <a:rPr lang="en-US" sz="1400" dirty="0">
                <a:effectLst/>
                <a:latin typeface="Calibri" panose="020F0502020204030204" pitchFamily="34" charset="0"/>
                <a:ea typeface="Calibri" panose="020F0502020204030204" pitchFamily="34" charset="0"/>
                <a:cs typeface="Times New Roman" panose="02020603050405020304" pitchFamily="18" charset="0"/>
              </a:rPr>
              <a:t>2. CAPRES A/S, a KLA Company, </a:t>
            </a:r>
            <a:r>
              <a:rPr lang="en-US" sz="1400" dirty="0" err="1">
                <a:effectLst/>
                <a:latin typeface="Calibri" panose="020F0502020204030204" pitchFamily="34" charset="0"/>
                <a:ea typeface="Calibri" panose="020F0502020204030204" pitchFamily="34" charset="0"/>
                <a:cs typeface="Times New Roman" panose="02020603050405020304" pitchFamily="18" charset="0"/>
              </a:rPr>
              <a:t>Diplomvej</a:t>
            </a:r>
            <a:r>
              <a:rPr lang="en-US" sz="1400" dirty="0">
                <a:effectLst/>
                <a:latin typeface="Calibri" panose="020F0502020204030204" pitchFamily="34" charset="0"/>
                <a:ea typeface="Calibri" panose="020F0502020204030204" pitchFamily="34" charset="0"/>
                <a:cs typeface="Times New Roman" panose="02020603050405020304" pitchFamily="18" charset="0"/>
              </a:rPr>
              <a:t> 373, 2800 Kgs. Lyngby, Denmark</a:t>
            </a:r>
            <a:br>
              <a:rPr lang="en-US" sz="1400" dirty="0">
                <a:effectLst/>
                <a:latin typeface="Calibri" panose="020F0502020204030204" pitchFamily="34" charset="0"/>
                <a:ea typeface="Calibri" panose="020F0502020204030204" pitchFamily="34" charset="0"/>
                <a:cs typeface="Times New Roman" panose="02020603050405020304" pitchFamily="18" charset="0"/>
              </a:rPr>
            </a:br>
            <a:r>
              <a:rPr lang="en-US" sz="1400" dirty="0">
                <a:effectLst/>
                <a:latin typeface="Calibri" panose="020F0502020204030204" pitchFamily="34" charset="0"/>
                <a:ea typeface="Calibri" panose="020F0502020204030204" pitchFamily="34" charset="0"/>
                <a:cs typeface="Times New Roman" panose="02020603050405020304" pitchFamily="18" charset="0"/>
              </a:rPr>
              <a:t>3. DTU </a:t>
            </a:r>
            <a:r>
              <a:rPr lang="en-US" sz="1400" dirty="0" err="1">
                <a:effectLst/>
                <a:latin typeface="Calibri" panose="020F0502020204030204" pitchFamily="34" charset="0"/>
                <a:ea typeface="Calibri" panose="020F0502020204030204" pitchFamily="34" charset="0"/>
                <a:cs typeface="Times New Roman" panose="02020603050405020304" pitchFamily="18" charset="0"/>
              </a:rPr>
              <a:t>Nanolab</a:t>
            </a:r>
            <a:r>
              <a:rPr lang="en-US" sz="1400" dirty="0">
                <a:effectLst/>
                <a:latin typeface="Calibri" panose="020F0502020204030204" pitchFamily="34" charset="0"/>
                <a:ea typeface="Calibri" panose="020F0502020204030204" pitchFamily="34" charset="0"/>
                <a:cs typeface="Times New Roman" panose="02020603050405020304" pitchFamily="18" charset="0"/>
              </a:rPr>
              <a:t>, Technical University of Denmark, </a:t>
            </a:r>
            <a:r>
              <a:rPr lang="en-US" sz="1400" dirty="0" err="1">
                <a:effectLst/>
                <a:latin typeface="Calibri" panose="020F0502020204030204" pitchFamily="34" charset="0"/>
                <a:ea typeface="Calibri" panose="020F0502020204030204" pitchFamily="34" charset="0"/>
                <a:cs typeface="Times New Roman" panose="02020603050405020304" pitchFamily="18" charset="0"/>
              </a:rPr>
              <a:t>Ørsteds</a:t>
            </a:r>
            <a:r>
              <a:rPr lang="en-US" sz="1400" dirty="0">
                <a:effectLst/>
                <a:latin typeface="Calibri" panose="020F0502020204030204" pitchFamily="34" charset="0"/>
                <a:ea typeface="Calibri" panose="020F0502020204030204" pitchFamily="34" charset="0"/>
                <a:cs typeface="Times New Roman" panose="02020603050405020304" pitchFamily="18" charset="0"/>
              </a:rPr>
              <a:t> </a:t>
            </a:r>
            <a:r>
              <a:rPr lang="en-US" sz="1400" dirty="0" err="1">
                <a:effectLst/>
                <a:latin typeface="Calibri" panose="020F0502020204030204" pitchFamily="34" charset="0"/>
                <a:ea typeface="Calibri" panose="020F0502020204030204" pitchFamily="34" charset="0"/>
                <a:cs typeface="Times New Roman" panose="02020603050405020304" pitchFamily="18" charset="0"/>
              </a:rPr>
              <a:t>Plads</a:t>
            </a:r>
            <a:r>
              <a:rPr lang="en-US" sz="1400" dirty="0">
                <a:effectLst/>
                <a:latin typeface="Calibri" panose="020F0502020204030204" pitchFamily="34" charset="0"/>
                <a:ea typeface="Calibri" panose="020F0502020204030204" pitchFamily="34" charset="0"/>
                <a:cs typeface="Times New Roman" panose="02020603050405020304" pitchFamily="18" charset="0"/>
              </a:rPr>
              <a:t>, Building 347 East, DK-2800 Kgs. Lyngby, Denmark</a:t>
            </a:r>
            <a:br>
              <a:rPr lang="en-US" sz="1400" dirty="0">
                <a:effectLst/>
                <a:latin typeface="Calibri" panose="020F0502020204030204" pitchFamily="34" charset="0"/>
                <a:ea typeface="Calibri" panose="020F0502020204030204" pitchFamily="34" charset="0"/>
                <a:cs typeface="Times New Roman" panose="02020603050405020304" pitchFamily="18" charset="0"/>
              </a:rPr>
            </a:br>
            <a:r>
              <a:rPr lang="en-US" sz="1400" dirty="0">
                <a:effectLst/>
                <a:latin typeface="Calibri" panose="020F0502020204030204" pitchFamily="34" charset="0"/>
                <a:ea typeface="Calibri" panose="020F0502020204030204" pitchFamily="34" charset="0"/>
                <a:cs typeface="Times New Roman" panose="02020603050405020304" pitchFamily="18" charset="0"/>
              </a:rPr>
              <a:t>4. Department of Photonics Engineering, Technical University of Denmark, </a:t>
            </a:r>
            <a:r>
              <a:rPr lang="en-US" sz="1400" dirty="0" err="1">
                <a:effectLst/>
                <a:latin typeface="Calibri" panose="020F0502020204030204" pitchFamily="34" charset="0"/>
                <a:ea typeface="Calibri" panose="020F0502020204030204" pitchFamily="34" charset="0"/>
                <a:cs typeface="Times New Roman" panose="02020603050405020304" pitchFamily="18" charset="0"/>
              </a:rPr>
              <a:t>Ørsteds</a:t>
            </a:r>
            <a:r>
              <a:rPr lang="en-US" sz="1400" dirty="0">
                <a:effectLst/>
                <a:latin typeface="Calibri" panose="020F0502020204030204" pitchFamily="34" charset="0"/>
                <a:ea typeface="Calibri" panose="020F0502020204030204" pitchFamily="34" charset="0"/>
                <a:cs typeface="Times New Roman" panose="02020603050405020304" pitchFamily="18" charset="0"/>
              </a:rPr>
              <a:t> </a:t>
            </a:r>
            <a:r>
              <a:rPr lang="en-US" sz="1400" dirty="0" err="1">
                <a:effectLst/>
                <a:latin typeface="Calibri" panose="020F0502020204030204" pitchFamily="34" charset="0"/>
                <a:ea typeface="Calibri" panose="020F0502020204030204" pitchFamily="34" charset="0"/>
                <a:cs typeface="Times New Roman" panose="02020603050405020304" pitchFamily="18" charset="0"/>
              </a:rPr>
              <a:t>Plads</a:t>
            </a:r>
            <a:r>
              <a:rPr lang="en-US" sz="1400" dirty="0">
                <a:effectLst/>
                <a:latin typeface="Calibri" panose="020F0502020204030204" pitchFamily="34" charset="0"/>
                <a:ea typeface="Calibri" panose="020F0502020204030204" pitchFamily="34" charset="0"/>
                <a:cs typeface="Times New Roman" panose="02020603050405020304" pitchFamily="18" charset="0"/>
              </a:rPr>
              <a:t>, Building 343, DK-2800 Kgs. Lyngby, Denmark</a:t>
            </a:r>
            <a:endParaRPr lang="en-DK" sz="1400" dirty="0">
              <a:effectLst/>
              <a:latin typeface="Calibri" panose="020F0502020204030204" pitchFamily="34" charset="0"/>
              <a:ea typeface="Calibri" panose="020F0502020204030204" pitchFamily="34" charset="0"/>
              <a:cs typeface="Times New Roman" panose="02020603050405020304" pitchFamily="18" charset="0"/>
            </a:endParaRPr>
          </a:p>
          <a:p>
            <a:r>
              <a:rPr lang="en-US" sz="1400" dirty="0">
                <a:effectLst/>
                <a:latin typeface="Calibri" panose="020F0502020204030204" pitchFamily="34" charset="0"/>
                <a:ea typeface="Calibri" panose="020F0502020204030204" pitchFamily="34" charset="0"/>
                <a:cs typeface="Times New Roman" panose="02020603050405020304" pitchFamily="18" charset="0"/>
              </a:rPr>
              <a:t>5. Department of Physics, Technical University of Denmark, </a:t>
            </a:r>
            <a:r>
              <a:rPr lang="en-US" sz="1400" dirty="0" err="1">
                <a:effectLst/>
                <a:latin typeface="Calibri" panose="020F0502020204030204" pitchFamily="34" charset="0"/>
                <a:ea typeface="Calibri" panose="020F0502020204030204" pitchFamily="34" charset="0"/>
                <a:cs typeface="Times New Roman" panose="02020603050405020304" pitchFamily="18" charset="0"/>
              </a:rPr>
              <a:t>Fysikvej</a:t>
            </a:r>
            <a:r>
              <a:rPr lang="en-US" sz="1400" dirty="0">
                <a:effectLst/>
                <a:latin typeface="Calibri" panose="020F0502020204030204" pitchFamily="34" charset="0"/>
                <a:ea typeface="Calibri" panose="020F0502020204030204" pitchFamily="34" charset="0"/>
                <a:cs typeface="Times New Roman" panose="02020603050405020304" pitchFamily="18" charset="0"/>
              </a:rPr>
              <a:t>, Building 307, DK-2800 Kgs. Lyngby, Denmark</a:t>
            </a:r>
            <a:br>
              <a:rPr lang="en-US" sz="1400" dirty="0">
                <a:effectLst/>
                <a:latin typeface="Calibri" panose="020F0502020204030204" pitchFamily="34" charset="0"/>
                <a:ea typeface="Calibri" panose="020F0502020204030204" pitchFamily="34" charset="0"/>
                <a:cs typeface="Times New Roman" panose="02020603050405020304" pitchFamily="18" charset="0"/>
              </a:rPr>
            </a:br>
            <a:r>
              <a:rPr lang="en-US" sz="1400" dirty="0">
                <a:effectLst/>
                <a:latin typeface="Calibri" panose="020F0502020204030204" pitchFamily="34" charset="0"/>
                <a:ea typeface="Calibri" panose="020F0502020204030204" pitchFamily="34" charset="0"/>
                <a:cs typeface="Times New Roman" panose="02020603050405020304" pitchFamily="18" charset="0"/>
              </a:rPr>
              <a:t>* Corresponding author e-mail: dhpe@dtu.dk</a:t>
            </a:r>
            <a:endParaRPr lang="en-GB" sz="2000"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
        <p:nvSpPr>
          <p:cNvPr id="7" name="Subtitle 4">
            <a:extLst>
              <a:ext uri="{FF2B5EF4-FFF2-40B4-BE49-F238E27FC236}">
                <a16:creationId xmlns:a16="http://schemas.microsoft.com/office/drawing/2014/main" id="{89F34AF4-BE4E-4374-953E-0F6344980080}"/>
              </a:ext>
            </a:extLst>
          </p:cNvPr>
          <p:cNvSpPr txBox="1">
            <a:spLocks/>
          </p:cNvSpPr>
          <p:nvPr/>
        </p:nvSpPr>
        <p:spPr bwMode="auto">
          <a:xfrm>
            <a:off x="5375126" y="-963488"/>
            <a:ext cx="8712968" cy="1660654"/>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marL="0" indent="0" algn="l" rtl="0" eaLnBrk="1" fontAlgn="base" hangingPunct="1">
              <a:lnSpc>
                <a:spcPct val="110000"/>
              </a:lnSpc>
              <a:spcBef>
                <a:spcPts val="0"/>
              </a:spcBef>
              <a:spcAft>
                <a:spcPct val="0"/>
              </a:spcAft>
              <a:buFontTx/>
              <a:buNone/>
              <a:defRPr sz="3000">
                <a:solidFill>
                  <a:schemeClr val="bg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r>
              <a:rPr lang="en-GB" kern="0" dirty="0"/>
              <a:t>COMSOL Conference 2020 EUROPE</a:t>
            </a:r>
          </a:p>
        </p:txBody>
      </p:sp>
      <p:pic>
        <p:nvPicPr>
          <p:cNvPr id="15" name="Audio 14">
            <a:hlinkClick r:id="" action="ppaction://media"/>
            <a:extLst>
              <a:ext uri="{FF2B5EF4-FFF2-40B4-BE49-F238E27FC236}">
                <a16:creationId xmlns:a16="http://schemas.microsoft.com/office/drawing/2014/main" id="{D349D003-CCC0-4AD2-B3DA-1E2726D53171}"/>
              </a:ext>
            </a:extLst>
          </p:cNvPr>
          <p:cNvPicPr>
            <a:picLocks noChangeAspect="1"/>
          </p:cNvPicPr>
          <p:nvPr>
            <a:audioFile r:link="rId4"/>
            <p:extLst>
              <p:ext uri="{DAA4B4D4-6D71-4841-9C94-3DE7FCFB9230}">
                <p14:media xmlns:p14="http://schemas.microsoft.com/office/powerpoint/2010/main" r:embed="rId3"/>
              </p:ext>
            </p:extLst>
          </p:nvPr>
        </p:nvPicPr>
        <p:blipFill>
          <a:blip r:embed="rId7"/>
          <a:stretch>
            <a:fillRect/>
          </a:stretch>
        </p:blipFill>
        <p:spPr>
          <a:xfrm>
            <a:off x="11487150" y="6154738"/>
            <a:ext cx="487363" cy="487362"/>
          </a:xfrm>
          <a:prstGeom prst="rect">
            <a:avLst/>
          </a:prstGeom>
        </p:spPr>
      </p:pic>
    </p:spTree>
    <p:custDataLst>
      <p:custData r:id="rId1"/>
      <p:custData r:id="rId2"/>
    </p:custDataLst>
    <p:extLst>
      <p:ext uri="{BB962C8B-B14F-4D97-AF65-F5344CB8AC3E}">
        <p14:creationId xmlns:p14="http://schemas.microsoft.com/office/powerpoint/2010/main" val="2320714135"/>
      </p:ext>
    </p:extLst>
  </p:cSld>
  <p:clrMapOvr>
    <a:masterClrMapping/>
  </p:clrMapOvr>
  <mc:AlternateContent xmlns:mc="http://schemas.openxmlformats.org/markup-compatibility/2006">
    <mc:Choice xmlns:p14="http://schemas.microsoft.com/office/powerpoint/2010/main" Requires="p14">
      <p:transition spd="slow" p14:dur="2000" advTm="13338"/>
    </mc:Choice>
    <mc:Fallback>
      <p:transition spd="slow" advTm="13338"/>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5"/>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15"/>
                </p:tgtEl>
              </p:cMediaNode>
            </p:audio>
          </p:childTnLst>
        </p:cTn>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982638" y="426127"/>
            <a:ext cx="10104462" cy="972716"/>
          </a:xfrm>
        </p:spPr>
        <p:txBody>
          <a:bodyPr/>
          <a:lstStyle/>
          <a:p>
            <a:r>
              <a:rPr lang="en-GB" dirty="0"/>
              <a:t>Introduction</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982638" y="1706328"/>
            <a:ext cx="10104462" cy="4545578"/>
          </a:xfrm>
        </p:spPr>
        <p:txBody>
          <a:bodyPr/>
          <a:lstStyle/>
          <a:p>
            <a:r>
              <a:rPr lang="en-GB" dirty="0"/>
              <a:t>Four-point probe resistance measurement </a:t>
            </a:r>
          </a:p>
          <a:p>
            <a:r>
              <a:rPr lang="en-GB" dirty="0"/>
              <a:t>Joule heating at contacts</a:t>
            </a:r>
          </a:p>
          <a:p>
            <a:r>
              <a:rPr lang="en-GB" dirty="0"/>
              <a:t>Thermal effects</a:t>
            </a:r>
          </a:p>
          <a:p>
            <a:pPr lvl="1"/>
            <a:r>
              <a:rPr lang="en-GB" sz="1600" i="1" dirty="0"/>
              <a:t>Thermoelectric effects</a:t>
            </a:r>
          </a:p>
          <a:p>
            <a:pPr lvl="1"/>
            <a:r>
              <a:rPr lang="en-GB" sz="1600" i="1" dirty="0"/>
              <a:t>Temperature coefficient of resistivity </a:t>
            </a:r>
          </a:p>
          <a:p>
            <a:r>
              <a:rPr lang="en-GB" dirty="0"/>
              <a:t>Compare analytic and numeric solution</a:t>
            </a:r>
          </a:p>
        </p:txBody>
      </p:sp>
      <p:sp>
        <p:nvSpPr>
          <p:cNvPr id="10" name="FLD_Presentation Title"/>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grpSp>
        <p:nvGrpSpPr>
          <p:cNvPr id="8" name="Gruppe 6">
            <a:extLst>
              <a:ext uri="{FF2B5EF4-FFF2-40B4-BE49-F238E27FC236}">
                <a16:creationId xmlns:a16="http://schemas.microsoft.com/office/drawing/2014/main" id="{B7451B9F-AEAC-4C3E-8A0F-4A0509AE9AE5}"/>
              </a:ext>
            </a:extLst>
          </p:cNvPr>
          <p:cNvGrpSpPr/>
          <p:nvPr/>
        </p:nvGrpSpPr>
        <p:grpSpPr>
          <a:xfrm>
            <a:off x="1823773" y="3645024"/>
            <a:ext cx="2808312" cy="1993568"/>
            <a:chOff x="2062758" y="2525563"/>
            <a:chExt cx="2808312" cy="1993568"/>
          </a:xfrm>
        </p:grpSpPr>
        <p:grpSp>
          <p:nvGrpSpPr>
            <p:cNvPr id="19" name="Gruppe 7">
              <a:extLst>
                <a:ext uri="{FF2B5EF4-FFF2-40B4-BE49-F238E27FC236}">
                  <a16:creationId xmlns:a16="http://schemas.microsoft.com/office/drawing/2014/main" id="{CCE3499B-8456-494D-9FA4-385E58A92C1F}"/>
                </a:ext>
              </a:extLst>
            </p:cNvPr>
            <p:cNvGrpSpPr/>
            <p:nvPr/>
          </p:nvGrpSpPr>
          <p:grpSpPr>
            <a:xfrm rot="5400000">
              <a:off x="2492571" y="3594357"/>
              <a:ext cx="432048" cy="72008"/>
              <a:chOff x="5099893" y="3846740"/>
              <a:chExt cx="432048" cy="72008"/>
            </a:xfrm>
          </p:grpSpPr>
          <p:sp>
            <p:nvSpPr>
              <p:cNvPr id="42" name="Rektangel 30">
                <a:extLst>
                  <a:ext uri="{FF2B5EF4-FFF2-40B4-BE49-F238E27FC236}">
                    <a16:creationId xmlns:a16="http://schemas.microsoft.com/office/drawing/2014/main" id="{AC4C8C80-6632-474D-974E-2585D4EA76F5}"/>
                  </a:ext>
                </a:extLst>
              </p:cNvPr>
              <p:cNvSpPr/>
              <p:nvPr/>
            </p:nvSpPr>
            <p:spPr bwMode="auto">
              <a:xfrm rot="16200000">
                <a:off x="5243909" y="3702724"/>
                <a:ext cx="72008" cy="360040"/>
              </a:xfrm>
              <a:prstGeom prst="rect">
                <a:avLst/>
              </a:prstGeom>
              <a:solidFill>
                <a:schemeClr val="tx1">
                  <a:lumMod val="50000"/>
                  <a:lumOff val="50000"/>
                </a:schemeClr>
              </a:solidFill>
              <a:ln w="9525"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solidFill>
                      <a:schemeClr val="tx1"/>
                    </a:solidFill>
                  </a:ln>
                  <a:solidFill>
                    <a:schemeClr val="tx1">
                      <a:lumMod val="50000"/>
                      <a:lumOff val="50000"/>
                    </a:schemeClr>
                  </a:solidFill>
                  <a:effectLst/>
                  <a:latin typeface="+mn-lt"/>
                  <a:ea typeface="ＭＳ Ｐゴシック" pitchFamily="-80" charset="-128"/>
                </a:endParaRPr>
              </a:p>
            </p:txBody>
          </p:sp>
          <p:sp>
            <p:nvSpPr>
              <p:cNvPr id="43" name="Ligebenet trekant 31">
                <a:extLst>
                  <a:ext uri="{FF2B5EF4-FFF2-40B4-BE49-F238E27FC236}">
                    <a16:creationId xmlns:a16="http://schemas.microsoft.com/office/drawing/2014/main" id="{FE8BAEBD-2C71-4BB4-ACE1-9868096D5CF9}"/>
                  </a:ext>
                </a:extLst>
              </p:cNvPr>
              <p:cNvSpPr/>
              <p:nvPr/>
            </p:nvSpPr>
            <p:spPr bwMode="auto">
              <a:xfrm rot="5400000">
                <a:off x="5459933" y="3846740"/>
                <a:ext cx="72008" cy="72008"/>
              </a:xfrm>
              <a:prstGeom prst="triangle">
                <a:avLst/>
              </a:prstGeom>
              <a:solidFill>
                <a:schemeClr val="tx1">
                  <a:lumMod val="50000"/>
                  <a:lumOff val="50000"/>
                </a:schemeClr>
              </a:solidFill>
              <a:ln w="9525"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4" name="Ligebenet trekant 32">
                <a:extLst>
                  <a:ext uri="{FF2B5EF4-FFF2-40B4-BE49-F238E27FC236}">
                    <a16:creationId xmlns:a16="http://schemas.microsoft.com/office/drawing/2014/main" id="{90C9E5C5-78EC-4B9C-B32A-12B103F98313}"/>
                  </a:ext>
                </a:extLst>
              </p:cNvPr>
              <p:cNvSpPr/>
              <p:nvPr/>
            </p:nvSpPr>
            <p:spPr bwMode="auto">
              <a:xfrm rot="5400000">
                <a:off x="5459933" y="3859886"/>
                <a:ext cx="45719" cy="45719"/>
              </a:xfrm>
              <a:prstGeom prst="triangle">
                <a:avLst/>
              </a:prstGeom>
              <a:solidFill>
                <a:schemeClr val="tx1">
                  <a:lumMod val="50000"/>
                  <a:lumOff val="50000"/>
                </a:schemeClr>
              </a:solidFill>
              <a:ln w="9525" cap="flat" cmpd="sng" algn="ctr">
                <a:solidFill>
                  <a:schemeClr val="tx1">
                    <a:lumMod val="50000"/>
                    <a:lumOff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grpSp>
        <p:grpSp>
          <p:nvGrpSpPr>
            <p:cNvPr id="20" name="Gruppe 8">
              <a:extLst>
                <a:ext uri="{FF2B5EF4-FFF2-40B4-BE49-F238E27FC236}">
                  <a16:creationId xmlns:a16="http://schemas.microsoft.com/office/drawing/2014/main" id="{4AD95C9C-BFCC-49EC-ACFC-F0AAB863ACA6}"/>
                </a:ext>
              </a:extLst>
            </p:cNvPr>
            <p:cNvGrpSpPr/>
            <p:nvPr/>
          </p:nvGrpSpPr>
          <p:grpSpPr>
            <a:xfrm rot="5400000">
              <a:off x="2962854" y="3594357"/>
              <a:ext cx="432048" cy="72008"/>
              <a:chOff x="5099893" y="3846740"/>
              <a:chExt cx="432048" cy="72008"/>
            </a:xfrm>
          </p:grpSpPr>
          <p:sp>
            <p:nvSpPr>
              <p:cNvPr id="39" name="Rektangel 27">
                <a:extLst>
                  <a:ext uri="{FF2B5EF4-FFF2-40B4-BE49-F238E27FC236}">
                    <a16:creationId xmlns:a16="http://schemas.microsoft.com/office/drawing/2014/main" id="{E746B7A7-56B0-434E-9420-0A5AA85CB6E7}"/>
                  </a:ext>
                </a:extLst>
              </p:cNvPr>
              <p:cNvSpPr/>
              <p:nvPr/>
            </p:nvSpPr>
            <p:spPr bwMode="auto">
              <a:xfrm rot="16200000">
                <a:off x="5243909" y="3702724"/>
                <a:ext cx="72008" cy="360040"/>
              </a:xfrm>
              <a:prstGeom prst="rect">
                <a:avLst/>
              </a:prstGeom>
              <a:solidFill>
                <a:schemeClr val="tx1">
                  <a:lumMod val="50000"/>
                  <a:lumOff val="50000"/>
                </a:schemeClr>
              </a:solidFill>
              <a:ln w="9525"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solidFill>
                      <a:schemeClr val="tx1"/>
                    </a:solidFill>
                  </a:ln>
                  <a:solidFill>
                    <a:schemeClr val="tx1">
                      <a:lumMod val="50000"/>
                      <a:lumOff val="50000"/>
                    </a:schemeClr>
                  </a:solidFill>
                  <a:effectLst/>
                  <a:latin typeface="+mn-lt"/>
                  <a:ea typeface="ＭＳ Ｐゴシック" pitchFamily="-80" charset="-128"/>
                </a:endParaRPr>
              </a:p>
            </p:txBody>
          </p:sp>
          <p:sp>
            <p:nvSpPr>
              <p:cNvPr id="40" name="Ligebenet trekant 28">
                <a:extLst>
                  <a:ext uri="{FF2B5EF4-FFF2-40B4-BE49-F238E27FC236}">
                    <a16:creationId xmlns:a16="http://schemas.microsoft.com/office/drawing/2014/main" id="{B1C264C8-9318-4C91-8AB6-F5F77495A75D}"/>
                  </a:ext>
                </a:extLst>
              </p:cNvPr>
              <p:cNvSpPr/>
              <p:nvPr/>
            </p:nvSpPr>
            <p:spPr bwMode="auto">
              <a:xfrm rot="5400000">
                <a:off x="5459933" y="3846740"/>
                <a:ext cx="72008" cy="72008"/>
              </a:xfrm>
              <a:prstGeom prst="triangle">
                <a:avLst/>
              </a:prstGeom>
              <a:solidFill>
                <a:schemeClr val="tx1">
                  <a:lumMod val="50000"/>
                  <a:lumOff val="50000"/>
                </a:schemeClr>
              </a:solidFill>
              <a:ln w="9525"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1" name="Ligebenet trekant 29">
                <a:extLst>
                  <a:ext uri="{FF2B5EF4-FFF2-40B4-BE49-F238E27FC236}">
                    <a16:creationId xmlns:a16="http://schemas.microsoft.com/office/drawing/2014/main" id="{D9094E28-BCAA-4EC6-B94F-228DD3CF1B8C}"/>
                  </a:ext>
                </a:extLst>
              </p:cNvPr>
              <p:cNvSpPr/>
              <p:nvPr/>
            </p:nvSpPr>
            <p:spPr bwMode="auto">
              <a:xfrm rot="5400000">
                <a:off x="5459933" y="3859886"/>
                <a:ext cx="45719" cy="45719"/>
              </a:xfrm>
              <a:prstGeom prst="triangle">
                <a:avLst/>
              </a:prstGeom>
              <a:solidFill>
                <a:schemeClr val="tx1">
                  <a:lumMod val="50000"/>
                  <a:lumOff val="50000"/>
                </a:schemeClr>
              </a:solidFill>
              <a:ln w="9525" cap="flat" cmpd="sng" algn="ctr">
                <a:solidFill>
                  <a:schemeClr val="tx1">
                    <a:lumMod val="50000"/>
                    <a:lumOff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grpSp>
        <p:grpSp>
          <p:nvGrpSpPr>
            <p:cNvPr id="21" name="Gruppe 9">
              <a:extLst>
                <a:ext uri="{FF2B5EF4-FFF2-40B4-BE49-F238E27FC236}">
                  <a16:creationId xmlns:a16="http://schemas.microsoft.com/office/drawing/2014/main" id="{0022FBB3-A5E6-42BA-A66B-064F5A155604}"/>
                </a:ext>
              </a:extLst>
            </p:cNvPr>
            <p:cNvGrpSpPr/>
            <p:nvPr/>
          </p:nvGrpSpPr>
          <p:grpSpPr>
            <a:xfrm rot="5400000">
              <a:off x="3433136" y="3594357"/>
              <a:ext cx="432048" cy="72008"/>
              <a:chOff x="5099893" y="3846740"/>
              <a:chExt cx="432048" cy="72008"/>
            </a:xfrm>
          </p:grpSpPr>
          <p:sp>
            <p:nvSpPr>
              <p:cNvPr id="36" name="Rektangel 24">
                <a:extLst>
                  <a:ext uri="{FF2B5EF4-FFF2-40B4-BE49-F238E27FC236}">
                    <a16:creationId xmlns:a16="http://schemas.microsoft.com/office/drawing/2014/main" id="{E436F7F4-B28E-42F7-80D9-BF8AC06A1B1B}"/>
                  </a:ext>
                </a:extLst>
              </p:cNvPr>
              <p:cNvSpPr/>
              <p:nvPr/>
            </p:nvSpPr>
            <p:spPr bwMode="auto">
              <a:xfrm rot="16200000">
                <a:off x="5243909" y="3702724"/>
                <a:ext cx="72008" cy="360040"/>
              </a:xfrm>
              <a:prstGeom prst="rect">
                <a:avLst/>
              </a:prstGeom>
              <a:solidFill>
                <a:schemeClr val="tx1">
                  <a:lumMod val="50000"/>
                  <a:lumOff val="50000"/>
                </a:schemeClr>
              </a:solidFill>
              <a:ln w="9525"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solidFill>
                      <a:schemeClr val="tx1"/>
                    </a:solidFill>
                  </a:ln>
                  <a:solidFill>
                    <a:schemeClr val="tx1">
                      <a:lumMod val="50000"/>
                      <a:lumOff val="50000"/>
                    </a:schemeClr>
                  </a:solidFill>
                  <a:effectLst/>
                  <a:latin typeface="+mn-lt"/>
                  <a:ea typeface="ＭＳ Ｐゴシック" pitchFamily="-80" charset="-128"/>
                </a:endParaRPr>
              </a:p>
            </p:txBody>
          </p:sp>
          <p:sp>
            <p:nvSpPr>
              <p:cNvPr id="37" name="Ligebenet trekant 25">
                <a:extLst>
                  <a:ext uri="{FF2B5EF4-FFF2-40B4-BE49-F238E27FC236}">
                    <a16:creationId xmlns:a16="http://schemas.microsoft.com/office/drawing/2014/main" id="{FD5A63DA-BC94-4345-A529-53321F2A7FA4}"/>
                  </a:ext>
                </a:extLst>
              </p:cNvPr>
              <p:cNvSpPr/>
              <p:nvPr/>
            </p:nvSpPr>
            <p:spPr bwMode="auto">
              <a:xfrm rot="5400000">
                <a:off x="5459933" y="3846740"/>
                <a:ext cx="72008" cy="72008"/>
              </a:xfrm>
              <a:prstGeom prst="triangle">
                <a:avLst/>
              </a:prstGeom>
              <a:solidFill>
                <a:schemeClr val="tx1">
                  <a:lumMod val="50000"/>
                  <a:lumOff val="50000"/>
                </a:schemeClr>
              </a:solidFill>
              <a:ln w="9525"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38" name="Ligebenet trekant 26">
                <a:extLst>
                  <a:ext uri="{FF2B5EF4-FFF2-40B4-BE49-F238E27FC236}">
                    <a16:creationId xmlns:a16="http://schemas.microsoft.com/office/drawing/2014/main" id="{C86EF4B4-66EB-4570-8F37-50842ED0C233}"/>
                  </a:ext>
                </a:extLst>
              </p:cNvPr>
              <p:cNvSpPr/>
              <p:nvPr/>
            </p:nvSpPr>
            <p:spPr bwMode="auto">
              <a:xfrm rot="5400000">
                <a:off x="5459933" y="3859886"/>
                <a:ext cx="45719" cy="45719"/>
              </a:xfrm>
              <a:prstGeom prst="triangle">
                <a:avLst/>
              </a:prstGeom>
              <a:solidFill>
                <a:schemeClr val="tx1">
                  <a:lumMod val="50000"/>
                  <a:lumOff val="50000"/>
                </a:schemeClr>
              </a:solidFill>
              <a:ln w="9525" cap="flat" cmpd="sng" algn="ctr">
                <a:solidFill>
                  <a:schemeClr val="tx1">
                    <a:lumMod val="50000"/>
                    <a:lumOff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grpSp>
        <p:grpSp>
          <p:nvGrpSpPr>
            <p:cNvPr id="22" name="Gruppe 10">
              <a:extLst>
                <a:ext uri="{FF2B5EF4-FFF2-40B4-BE49-F238E27FC236}">
                  <a16:creationId xmlns:a16="http://schemas.microsoft.com/office/drawing/2014/main" id="{CD43384E-DECA-45B4-9533-C9D322CA71CD}"/>
                </a:ext>
              </a:extLst>
            </p:cNvPr>
            <p:cNvGrpSpPr/>
            <p:nvPr/>
          </p:nvGrpSpPr>
          <p:grpSpPr>
            <a:xfrm rot="5400000">
              <a:off x="3903417" y="3594357"/>
              <a:ext cx="432048" cy="72008"/>
              <a:chOff x="5099893" y="3846740"/>
              <a:chExt cx="432048" cy="72008"/>
            </a:xfrm>
          </p:grpSpPr>
          <p:sp>
            <p:nvSpPr>
              <p:cNvPr id="33" name="Rektangel 21">
                <a:extLst>
                  <a:ext uri="{FF2B5EF4-FFF2-40B4-BE49-F238E27FC236}">
                    <a16:creationId xmlns:a16="http://schemas.microsoft.com/office/drawing/2014/main" id="{22EE6AFD-FFC7-45C6-B736-2628D3AEAC90}"/>
                  </a:ext>
                </a:extLst>
              </p:cNvPr>
              <p:cNvSpPr/>
              <p:nvPr/>
            </p:nvSpPr>
            <p:spPr bwMode="auto">
              <a:xfrm rot="16200000">
                <a:off x="5243909" y="3702724"/>
                <a:ext cx="72008" cy="360040"/>
              </a:xfrm>
              <a:prstGeom prst="rect">
                <a:avLst/>
              </a:prstGeom>
              <a:solidFill>
                <a:schemeClr val="tx1">
                  <a:lumMod val="50000"/>
                  <a:lumOff val="50000"/>
                </a:schemeClr>
              </a:solidFill>
              <a:ln w="9525"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solidFill>
                      <a:schemeClr val="tx1"/>
                    </a:solidFill>
                  </a:ln>
                  <a:solidFill>
                    <a:schemeClr val="tx1">
                      <a:lumMod val="50000"/>
                      <a:lumOff val="50000"/>
                    </a:schemeClr>
                  </a:solidFill>
                  <a:effectLst/>
                  <a:latin typeface="+mn-lt"/>
                  <a:ea typeface="ＭＳ Ｐゴシック" pitchFamily="-80" charset="-128"/>
                </a:endParaRPr>
              </a:p>
            </p:txBody>
          </p:sp>
          <p:sp>
            <p:nvSpPr>
              <p:cNvPr id="34" name="Ligebenet trekant 22">
                <a:extLst>
                  <a:ext uri="{FF2B5EF4-FFF2-40B4-BE49-F238E27FC236}">
                    <a16:creationId xmlns:a16="http://schemas.microsoft.com/office/drawing/2014/main" id="{92A9EB33-5893-4F25-BE5F-22AEE1B991F7}"/>
                  </a:ext>
                </a:extLst>
              </p:cNvPr>
              <p:cNvSpPr/>
              <p:nvPr/>
            </p:nvSpPr>
            <p:spPr bwMode="auto">
              <a:xfrm rot="5400000">
                <a:off x="5459933" y="3846740"/>
                <a:ext cx="72008" cy="72008"/>
              </a:xfrm>
              <a:prstGeom prst="triangle">
                <a:avLst/>
              </a:prstGeom>
              <a:solidFill>
                <a:schemeClr val="tx1">
                  <a:lumMod val="50000"/>
                  <a:lumOff val="50000"/>
                </a:schemeClr>
              </a:solidFill>
              <a:ln w="9525"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35" name="Ligebenet trekant 23">
                <a:extLst>
                  <a:ext uri="{FF2B5EF4-FFF2-40B4-BE49-F238E27FC236}">
                    <a16:creationId xmlns:a16="http://schemas.microsoft.com/office/drawing/2014/main" id="{0672EE77-9CBF-4351-92E8-A2D8F718BA4E}"/>
                  </a:ext>
                </a:extLst>
              </p:cNvPr>
              <p:cNvSpPr/>
              <p:nvPr/>
            </p:nvSpPr>
            <p:spPr bwMode="auto">
              <a:xfrm rot="5400000">
                <a:off x="5459933" y="3859886"/>
                <a:ext cx="45719" cy="45719"/>
              </a:xfrm>
              <a:prstGeom prst="triangle">
                <a:avLst/>
              </a:prstGeom>
              <a:solidFill>
                <a:schemeClr val="tx1">
                  <a:lumMod val="50000"/>
                  <a:lumOff val="50000"/>
                </a:schemeClr>
              </a:solidFill>
              <a:ln w="9525" cap="flat" cmpd="sng" algn="ctr">
                <a:solidFill>
                  <a:schemeClr val="tx1">
                    <a:lumMod val="50000"/>
                    <a:lumOff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grpSp>
        <p:sp>
          <p:nvSpPr>
            <p:cNvPr id="23" name="Rektangel 11">
              <a:extLst>
                <a:ext uri="{FF2B5EF4-FFF2-40B4-BE49-F238E27FC236}">
                  <a16:creationId xmlns:a16="http://schemas.microsoft.com/office/drawing/2014/main" id="{5F80EEC0-EFBE-415F-923B-BF25113E7E77}"/>
                </a:ext>
              </a:extLst>
            </p:cNvPr>
            <p:cNvSpPr/>
            <p:nvPr/>
          </p:nvSpPr>
          <p:spPr bwMode="auto">
            <a:xfrm rot="10800000">
              <a:off x="2062758" y="3846630"/>
              <a:ext cx="2808312" cy="672501"/>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4" name="Ellipse 12">
              <a:extLst>
                <a:ext uri="{FF2B5EF4-FFF2-40B4-BE49-F238E27FC236}">
                  <a16:creationId xmlns:a16="http://schemas.microsoft.com/office/drawing/2014/main" id="{396C8D92-5B3D-466B-8CAF-8D0950D0D11F}"/>
                </a:ext>
              </a:extLst>
            </p:cNvPr>
            <p:cNvSpPr/>
            <p:nvPr/>
          </p:nvSpPr>
          <p:spPr bwMode="auto">
            <a:xfrm>
              <a:off x="2824935" y="3025290"/>
              <a:ext cx="288032" cy="310721"/>
            </a:xfrm>
            <a:prstGeom prst="ellipse">
              <a:avLst/>
            </a:prstGeom>
            <a:noFill/>
            <a:ln w="12700"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5" name="Ellipse 13">
              <a:extLst>
                <a:ext uri="{FF2B5EF4-FFF2-40B4-BE49-F238E27FC236}">
                  <a16:creationId xmlns:a16="http://schemas.microsoft.com/office/drawing/2014/main" id="{25DEE145-1738-4865-9CF9-4C372CDF219B}"/>
                </a:ext>
              </a:extLst>
            </p:cNvPr>
            <p:cNvSpPr/>
            <p:nvPr/>
          </p:nvSpPr>
          <p:spPr bwMode="auto">
            <a:xfrm>
              <a:off x="3430909" y="2692945"/>
              <a:ext cx="288032" cy="310721"/>
            </a:xfrm>
            <a:prstGeom prst="ellipse">
              <a:avLst/>
            </a:prstGeom>
            <a:noFill/>
            <a:ln w="12700"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6" name="Ellipse 14">
              <a:extLst>
                <a:ext uri="{FF2B5EF4-FFF2-40B4-BE49-F238E27FC236}">
                  <a16:creationId xmlns:a16="http://schemas.microsoft.com/office/drawing/2014/main" id="{5AB48B5E-E4D4-4CF2-91E7-03295504D75F}"/>
                </a:ext>
              </a:extLst>
            </p:cNvPr>
            <p:cNvSpPr/>
            <p:nvPr/>
          </p:nvSpPr>
          <p:spPr bwMode="auto">
            <a:xfrm>
              <a:off x="3626298" y="2692945"/>
              <a:ext cx="288032" cy="310721"/>
            </a:xfrm>
            <a:prstGeom prst="ellipse">
              <a:avLst/>
            </a:prstGeom>
            <a:noFill/>
            <a:ln w="12700"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27" name="Forbindelse: vinklet 15">
              <a:extLst>
                <a:ext uri="{FF2B5EF4-FFF2-40B4-BE49-F238E27FC236}">
                  <a16:creationId xmlns:a16="http://schemas.microsoft.com/office/drawing/2014/main" id="{8B9BC1D9-832B-405B-8D9E-A401B33265F0}"/>
                </a:ext>
              </a:extLst>
            </p:cNvPr>
            <p:cNvCxnSpPr>
              <a:cxnSpLocks/>
              <a:stCxn id="42" idx="0"/>
              <a:endCxn id="24" idx="2"/>
            </p:cNvCxnSpPr>
            <p:nvPr/>
          </p:nvCxnSpPr>
          <p:spPr bwMode="auto">
            <a:xfrm rot="5400000" flipH="1" flipV="1">
              <a:off x="2649922" y="3239324"/>
              <a:ext cx="233686" cy="116340"/>
            </a:xfrm>
            <a:prstGeom prst="bentConnector2">
              <a:avLst/>
            </a:prstGeom>
            <a:solidFill>
              <a:schemeClr val="accent1"/>
            </a:solidFill>
            <a:ln w="1270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8" name="Forbindelse: vinklet 16">
              <a:extLst>
                <a:ext uri="{FF2B5EF4-FFF2-40B4-BE49-F238E27FC236}">
                  <a16:creationId xmlns:a16="http://schemas.microsoft.com/office/drawing/2014/main" id="{35488DDF-DFD5-4EC4-8ECB-9D20AACBD8AF}"/>
                </a:ext>
              </a:extLst>
            </p:cNvPr>
            <p:cNvCxnSpPr>
              <a:cxnSpLocks/>
              <a:stCxn id="36" idx="0"/>
              <a:endCxn id="24" idx="6"/>
            </p:cNvCxnSpPr>
            <p:nvPr/>
          </p:nvCxnSpPr>
          <p:spPr bwMode="auto">
            <a:xfrm rot="16200000" flipV="1">
              <a:off x="3264221" y="3029397"/>
              <a:ext cx="233686" cy="536193"/>
            </a:xfrm>
            <a:prstGeom prst="bentConnector2">
              <a:avLst/>
            </a:prstGeom>
            <a:solidFill>
              <a:schemeClr val="accent1"/>
            </a:solidFill>
            <a:ln w="1270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9" name="Forbindelse: vinklet 17">
              <a:extLst>
                <a:ext uri="{FF2B5EF4-FFF2-40B4-BE49-F238E27FC236}">
                  <a16:creationId xmlns:a16="http://schemas.microsoft.com/office/drawing/2014/main" id="{74378BC3-EB24-4C77-9B1C-AFA28AC96D59}"/>
                </a:ext>
              </a:extLst>
            </p:cNvPr>
            <p:cNvCxnSpPr>
              <a:cxnSpLocks/>
              <a:stCxn id="25" idx="2"/>
              <a:endCxn id="39" idx="0"/>
            </p:cNvCxnSpPr>
            <p:nvPr/>
          </p:nvCxnSpPr>
          <p:spPr bwMode="auto">
            <a:xfrm rot="10800000" flipV="1">
              <a:off x="3178879" y="2848305"/>
              <a:ext cx="252031" cy="566031"/>
            </a:xfrm>
            <a:prstGeom prst="bentConnector2">
              <a:avLst/>
            </a:prstGeom>
            <a:solidFill>
              <a:schemeClr val="accent1"/>
            </a:solidFill>
            <a:ln w="1270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30" name="Forbindelse: vinklet 18">
              <a:extLst>
                <a:ext uri="{FF2B5EF4-FFF2-40B4-BE49-F238E27FC236}">
                  <a16:creationId xmlns:a16="http://schemas.microsoft.com/office/drawing/2014/main" id="{D38B3FC7-5718-40BF-8E65-B5E9A2858369}"/>
                </a:ext>
              </a:extLst>
            </p:cNvPr>
            <p:cNvCxnSpPr>
              <a:cxnSpLocks/>
              <a:stCxn id="26" idx="6"/>
              <a:endCxn id="33" idx="0"/>
            </p:cNvCxnSpPr>
            <p:nvPr/>
          </p:nvCxnSpPr>
          <p:spPr bwMode="auto">
            <a:xfrm>
              <a:off x="3914330" y="2848306"/>
              <a:ext cx="205111" cy="566031"/>
            </a:xfrm>
            <a:prstGeom prst="bentConnector2">
              <a:avLst/>
            </a:prstGeom>
            <a:solidFill>
              <a:schemeClr val="accent1"/>
            </a:solidFill>
            <a:ln w="1270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1" name="Tekstfelt 19">
              <a:extLst>
                <a:ext uri="{FF2B5EF4-FFF2-40B4-BE49-F238E27FC236}">
                  <a16:creationId xmlns:a16="http://schemas.microsoft.com/office/drawing/2014/main" id="{0BDA26FD-60B6-49B8-AA9E-D8E2E4B564B8}"/>
                </a:ext>
              </a:extLst>
            </p:cNvPr>
            <p:cNvSpPr txBox="1"/>
            <p:nvPr/>
          </p:nvSpPr>
          <p:spPr>
            <a:xfrm>
              <a:off x="2890845" y="3058150"/>
              <a:ext cx="504056" cy="246221"/>
            </a:xfrm>
            <a:prstGeom prst="rect">
              <a:avLst/>
            </a:prstGeom>
            <a:noFill/>
          </p:spPr>
          <p:txBody>
            <a:bodyPr wrap="square" lIns="0" tIns="0" rIns="0" bIns="0" rtlCol="0">
              <a:spAutoFit/>
            </a:bodyPr>
            <a:lstStyle/>
            <a:p>
              <a:pPr algn="l">
                <a:spcBef>
                  <a:spcPts val="432"/>
                </a:spcBef>
              </a:pPr>
              <a:r>
                <a:rPr lang="en-US" i="1" dirty="0">
                  <a:latin typeface="+mn-lt"/>
                </a:rPr>
                <a:t>V</a:t>
              </a:r>
            </a:p>
          </p:txBody>
        </p:sp>
        <p:sp>
          <p:nvSpPr>
            <p:cNvPr id="32" name="Tekstfelt 20">
              <a:extLst>
                <a:ext uri="{FF2B5EF4-FFF2-40B4-BE49-F238E27FC236}">
                  <a16:creationId xmlns:a16="http://schemas.microsoft.com/office/drawing/2014/main" id="{136D9878-8F9A-4D9A-9DD7-822AB4E09F25}"/>
                </a:ext>
              </a:extLst>
            </p:cNvPr>
            <p:cNvSpPr txBox="1"/>
            <p:nvPr/>
          </p:nvSpPr>
          <p:spPr>
            <a:xfrm>
              <a:off x="3929531" y="2525563"/>
              <a:ext cx="504056" cy="246221"/>
            </a:xfrm>
            <a:prstGeom prst="rect">
              <a:avLst/>
            </a:prstGeom>
            <a:noFill/>
          </p:spPr>
          <p:txBody>
            <a:bodyPr wrap="square" lIns="0" tIns="0" rIns="0" bIns="0" rtlCol="0">
              <a:spAutoFit/>
            </a:bodyPr>
            <a:lstStyle/>
            <a:p>
              <a:pPr algn="l">
                <a:spcBef>
                  <a:spcPts val="432"/>
                </a:spcBef>
              </a:pPr>
              <a:r>
                <a:rPr lang="en-US" i="1" dirty="0">
                  <a:latin typeface="+mn-lt"/>
                </a:rPr>
                <a:t>I</a:t>
              </a:r>
            </a:p>
          </p:txBody>
        </p:sp>
      </p:grpSp>
      <p:sp>
        <p:nvSpPr>
          <p:cNvPr id="9" name="Kombinationstegning: figur 59">
            <a:extLst>
              <a:ext uri="{FF2B5EF4-FFF2-40B4-BE49-F238E27FC236}">
                <a16:creationId xmlns:a16="http://schemas.microsoft.com/office/drawing/2014/main" id="{B1A17CA8-AB67-4889-BC7D-9EAE285F7065}"/>
              </a:ext>
            </a:extLst>
          </p:cNvPr>
          <p:cNvSpPr/>
          <p:nvPr/>
        </p:nvSpPr>
        <p:spPr bwMode="auto">
          <a:xfrm>
            <a:off x="2943429" y="4980147"/>
            <a:ext cx="941614" cy="206852"/>
          </a:xfrm>
          <a:custGeom>
            <a:avLst/>
            <a:gdLst>
              <a:gd name="connsiteX0" fmla="*/ 0 w 941614"/>
              <a:gd name="connsiteY0" fmla="*/ 0 h 206852"/>
              <a:gd name="connsiteX1" fmla="*/ 468085 w 941614"/>
              <a:gd name="connsiteY1" fmla="*/ 206828 h 206852"/>
              <a:gd name="connsiteX2" fmla="*/ 941614 w 941614"/>
              <a:gd name="connsiteY2" fmla="*/ 10886 h 206852"/>
            </a:gdLst>
            <a:ahLst/>
            <a:cxnLst>
              <a:cxn ang="0">
                <a:pos x="connsiteX0" y="connsiteY0"/>
              </a:cxn>
              <a:cxn ang="0">
                <a:pos x="connsiteX1" y="connsiteY1"/>
              </a:cxn>
              <a:cxn ang="0">
                <a:pos x="connsiteX2" y="connsiteY2"/>
              </a:cxn>
            </a:cxnLst>
            <a:rect l="l" t="t" r="r" b="b"/>
            <a:pathLst>
              <a:path w="941614" h="206852">
                <a:moveTo>
                  <a:pt x="0" y="0"/>
                </a:moveTo>
                <a:cubicBezTo>
                  <a:pt x="155574" y="102507"/>
                  <a:pt x="311149" y="205014"/>
                  <a:pt x="468085" y="206828"/>
                </a:cubicBezTo>
                <a:cubicBezTo>
                  <a:pt x="625021" y="208642"/>
                  <a:pt x="783317" y="109764"/>
                  <a:pt x="941614" y="10886"/>
                </a:cubicBezTo>
              </a:path>
            </a:pathLst>
          </a:custGeom>
          <a:noFill/>
          <a:ln>
            <a:solidFill>
              <a:srgbClr val="2F3EEA"/>
            </a:solidFill>
            <a:headEnd type="non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11" name="Kombinationstegning: figur 61">
            <a:extLst>
              <a:ext uri="{FF2B5EF4-FFF2-40B4-BE49-F238E27FC236}">
                <a16:creationId xmlns:a16="http://schemas.microsoft.com/office/drawing/2014/main" id="{13EFE81E-DCA9-441C-AA61-D886B7054E3E}"/>
              </a:ext>
            </a:extLst>
          </p:cNvPr>
          <p:cNvSpPr/>
          <p:nvPr/>
        </p:nvSpPr>
        <p:spPr bwMode="auto">
          <a:xfrm>
            <a:off x="2948872" y="4974704"/>
            <a:ext cx="930728" cy="490002"/>
          </a:xfrm>
          <a:custGeom>
            <a:avLst/>
            <a:gdLst>
              <a:gd name="connsiteX0" fmla="*/ 0 w 930728"/>
              <a:gd name="connsiteY0" fmla="*/ 0 h 490002"/>
              <a:gd name="connsiteX1" fmla="*/ 212271 w 930728"/>
              <a:gd name="connsiteY1" fmla="*/ 375557 h 490002"/>
              <a:gd name="connsiteX2" fmla="*/ 468085 w 930728"/>
              <a:gd name="connsiteY2" fmla="*/ 489857 h 490002"/>
              <a:gd name="connsiteX3" fmla="*/ 756557 w 930728"/>
              <a:gd name="connsiteY3" fmla="*/ 359229 h 490002"/>
              <a:gd name="connsiteX4" fmla="*/ 930728 w 930728"/>
              <a:gd name="connsiteY4" fmla="*/ 32657 h 49000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30728" h="490002">
                <a:moveTo>
                  <a:pt x="0" y="0"/>
                </a:moveTo>
                <a:cubicBezTo>
                  <a:pt x="67128" y="146957"/>
                  <a:pt x="134257" y="293914"/>
                  <a:pt x="212271" y="375557"/>
                </a:cubicBezTo>
                <a:cubicBezTo>
                  <a:pt x="290285" y="457200"/>
                  <a:pt x="377371" y="492578"/>
                  <a:pt x="468085" y="489857"/>
                </a:cubicBezTo>
                <a:cubicBezTo>
                  <a:pt x="558799" y="487136"/>
                  <a:pt x="679450" y="435429"/>
                  <a:pt x="756557" y="359229"/>
                </a:cubicBezTo>
                <a:cubicBezTo>
                  <a:pt x="833664" y="283029"/>
                  <a:pt x="882196" y="157843"/>
                  <a:pt x="930728" y="32657"/>
                </a:cubicBezTo>
              </a:path>
            </a:pathLst>
          </a:custGeom>
          <a:ln>
            <a:solidFill>
              <a:srgbClr val="2F3EEA"/>
            </a:solidFill>
            <a:headEnd type="non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12" name="Kombinationstegning: figur 62">
            <a:extLst>
              <a:ext uri="{FF2B5EF4-FFF2-40B4-BE49-F238E27FC236}">
                <a16:creationId xmlns:a16="http://schemas.microsoft.com/office/drawing/2014/main" id="{0943AE27-79EF-4247-A87B-7B5FD89AA1B3}"/>
              </a:ext>
            </a:extLst>
          </p:cNvPr>
          <p:cNvSpPr/>
          <p:nvPr/>
        </p:nvSpPr>
        <p:spPr bwMode="auto">
          <a:xfrm>
            <a:off x="2954314" y="4991033"/>
            <a:ext cx="919843" cy="337471"/>
          </a:xfrm>
          <a:custGeom>
            <a:avLst/>
            <a:gdLst>
              <a:gd name="connsiteX0" fmla="*/ 0 w 919843"/>
              <a:gd name="connsiteY0" fmla="*/ 0 h 337471"/>
              <a:gd name="connsiteX1" fmla="*/ 446315 w 919843"/>
              <a:gd name="connsiteY1" fmla="*/ 337457 h 337471"/>
              <a:gd name="connsiteX2" fmla="*/ 919843 w 919843"/>
              <a:gd name="connsiteY2" fmla="*/ 10885 h 337471"/>
            </a:gdLst>
            <a:ahLst/>
            <a:cxnLst>
              <a:cxn ang="0">
                <a:pos x="connsiteX0" y="connsiteY0"/>
              </a:cxn>
              <a:cxn ang="0">
                <a:pos x="connsiteX1" y="connsiteY1"/>
              </a:cxn>
              <a:cxn ang="0">
                <a:pos x="connsiteX2" y="connsiteY2"/>
              </a:cxn>
            </a:cxnLst>
            <a:rect l="l" t="t" r="r" b="b"/>
            <a:pathLst>
              <a:path w="919843" h="337471">
                <a:moveTo>
                  <a:pt x="0" y="0"/>
                </a:moveTo>
                <a:cubicBezTo>
                  <a:pt x="146504" y="167821"/>
                  <a:pt x="293008" y="335643"/>
                  <a:pt x="446315" y="337457"/>
                </a:cubicBezTo>
                <a:cubicBezTo>
                  <a:pt x="599622" y="339271"/>
                  <a:pt x="759732" y="175078"/>
                  <a:pt x="919843" y="10885"/>
                </a:cubicBezTo>
              </a:path>
            </a:pathLst>
          </a:custGeom>
          <a:ln>
            <a:solidFill>
              <a:srgbClr val="2F3EEA"/>
            </a:solidFill>
            <a:headEnd type="non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13" name="Kombinationstegning: figur 63">
            <a:extLst>
              <a:ext uri="{FF2B5EF4-FFF2-40B4-BE49-F238E27FC236}">
                <a16:creationId xmlns:a16="http://schemas.microsoft.com/office/drawing/2014/main" id="{45A1685E-6899-4BD3-9C71-52A9AE2E78CC}"/>
              </a:ext>
            </a:extLst>
          </p:cNvPr>
          <p:cNvSpPr/>
          <p:nvPr/>
        </p:nvSpPr>
        <p:spPr bwMode="auto">
          <a:xfrm>
            <a:off x="2948872" y="4980147"/>
            <a:ext cx="930728" cy="54452"/>
          </a:xfrm>
          <a:custGeom>
            <a:avLst/>
            <a:gdLst>
              <a:gd name="connsiteX0" fmla="*/ 930728 w 930728"/>
              <a:gd name="connsiteY0" fmla="*/ 5443 h 54452"/>
              <a:gd name="connsiteX1" fmla="*/ 462642 w 930728"/>
              <a:gd name="connsiteY1" fmla="*/ 54428 h 54452"/>
              <a:gd name="connsiteX2" fmla="*/ 0 w 930728"/>
              <a:gd name="connsiteY2" fmla="*/ 0 h 54452"/>
            </a:gdLst>
            <a:ahLst/>
            <a:cxnLst>
              <a:cxn ang="0">
                <a:pos x="connsiteX0" y="connsiteY0"/>
              </a:cxn>
              <a:cxn ang="0">
                <a:pos x="connsiteX1" y="connsiteY1"/>
              </a:cxn>
              <a:cxn ang="0">
                <a:pos x="connsiteX2" y="connsiteY2"/>
              </a:cxn>
            </a:cxnLst>
            <a:rect l="l" t="t" r="r" b="b"/>
            <a:pathLst>
              <a:path w="930728" h="54452">
                <a:moveTo>
                  <a:pt x="930728" y="5443"/>
                </a:moveTo>
                <a:cubicBezTo>
                  <a:pt x="774245" y="30389"/>
                  <a:pt x="617763" y="55335"/>
                  <a:pt x="462642" y="54428"/>
                </a:cubicBezTo>
                <a:cubicBezTo>
                  <a:pt x="307521" y="53521"/>
                  <a:pt x="153760" y="26760"/>
                  <a:pt x="0" y="0"/>
                </a:cubicBezTo>
              </a:path>
            </a:pathLst>
          </a:custGeom>
          <a:ln>
            <a:solidFill>
              <a:srgbClr val="2F3EEA"/>
            </a:solidFill>
            <a:headEnd type="non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14" name="Kombinationstegning: figur 66">
            <a:extLst>
              <a:ext uri="{FF2B5EF4-FFF2-40B4-BE49-F238E27FC236}">
                <a16:creationId xmlns:a16="http://schemas.microsoft.com/office/drawing/2014/main" id="{E1402E9E-52C7-4F57-9999-BDD39EA8850B}"/>
              </a:ext>
            </a:extLst>
          </p:cNvPr>
          <p:cNvSpPr/>
          <p:nvPr/>
        </p:nvSpPr>
        <p:spPr bwMode="auto">
          <a:xfrm>
            <a:off x="2844774" y="4963818"/>
            <a:ext cx="1155877" cy="662027"/>
          </a:xfrm>
          <a:custGeom>
            <a:avLst/>
            <a:gdLst>
              <a:gd name="connsiteX0" fmla="*/ 93212 w 1155877"/>
              <a:gd name="connsiteY0" fmla="*/ 0 h 662027"/>
              <a:gd name="connsiteX1" fmla="*/ 6126 w 1155877"/>
              <a:gd name="connsiteY1" fmla="*/ 255815 h 662027"/>
              <a:gd name="connsiteX2" fmla="*/ 44226 w 1155877"/>
              <a:gd name="connsiteY2" fmla="*/ 538843 h 662027"/>
              <a:gd name="connsiteX3" fmla="*/ 338140 w 1155877"/>
              <a:gd name="connsiteY3" fmla="*/ 653143 h 662027"/>
              <a:gd name="connsiteX4" fmla="*/ 588512 w 1155877"/>
              <a:gd name="connsiteY4" fmla="*/ 653143 h 662027"/>
              <a:gd name="connsiteX5" fmla="*/ 958626 w 1155877"/>
              <a:gd name="connsiteY5" fmla="*/ 642257 h 662027"/>
              <a:gd name="connsiteX6" fmla="*/ 1105583 w 1155877"/>
              <a:gd name="connsiteY6" fmla="*/ 478972 h 662027"/>
              <a:gd name="connsiteX7" fmla="*/ 1154569 w 1155877"/>
              <a:gd name="connsiteY7" fmla="*/ 315686 h 662027"/>
              <a:gd name="connsiteX8" fmla="*/ 1132798 w 1155877"/>
              <a:gd name="connsiteY8" fmla="*/ 185057 h 662027"/>
              <a:gd name="connsiteX9" fmla="*/ 1040269 w 1155877"/>
              <a:gd name="connsiteY9" fmla="*/ 10886 h 662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55877" h="662027">
                <a:moveTo>
                  <a:pt x="93212" y="0"/>
                </a:moveTo>
                <a:cubicBezTo>
                  <a:pt x="53751" y="83004"/>
                  <a:pt x="14290" y="166008"/>
                  <a:pt x="6126" y="255815"/>
                </a:cubicBezTo>
                <a:cubicBezTo>
                  <a:pt x="-2038" y="345622"/>
                  <a:pt x="-11110" y="472622"/>
                  <a:pt x="44226" y="538843"/>
                </a:cubicBezTo>
                <a:cubicBezTo>
                  <a:pt x="99562" y="605064"/>
                  <a:pt x="247426" y="634093"/>
                  <a:pt x="338140" y="653143"/>
                </a:cubicBezTo>
                <a:cubicBezTo>
                  <a:pt x="428854" y="672193"/>
                  <a:pt x="485098" y="654957"/>
                  <a:pt x="588512" y="653143"/>
                </a:cubicBezTo>
                <a:cubicBezTo>
                  <a:pt x="691926" y="651329"/>
                  <a:pt x="872448" y="671285"/>
                  <a:pt x="958626" y="642257"/>
                </a:cubicBezTo>
                <a:cubicBezTo>
                  <a:pt x="1044804" y="613229"/>
                  <a:pt x="1072926" y="533400"/>
                  <a:pt x="1105583" y="478972"/>
                </a:cubicBezTo>
                <a:cubicBezTo>
                  <a:pt x="1138240" y="424544"/>
                  <a:pt x="1150033" y="364672"/>
                  <a:pt x="1154569" y="315686"/>
                </a:cubicBezTo>
                <a:cubicBezTo>
                  <a:pt x="1159105" y="266700"/>
                  <a:pt x="1151848" y="235857"/>
                  <a:pt x="1132798" y="185057"/>
                </a:cubicBezTo>
                <a:cubicBezTo>
                  <a:pt x="1113748" y="134257"/>
                  <a:pt x="1077008" y="72571"/>
                  <a:pt x="1040269" y="10886"/>
                </a:cubicBezTo>
              </a:path>
            </a:pathLst>
          </a:custGeom>
          <a:ln>
            <a:solidFill>
              <a:srgbClr val="2F3EEA"/>
            </a:solidFill>
            <a:headEnd type="non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15" name="Kombinationstegning: figur 67">
            <a:extLst>
              <a:ext uri="{FF2B5EF4-FFF2-40B4-BE49-F238E27FC236}">
                <a16:creationId xmlns:a16="http://schemas.microsoft.com/office/drawing/2014/main" id="{FF22DD89-15D6-4B22-BA5B-CC4975D9A170}"/>
              </a:ext>
            </a:extLst>
          </p:cNvPr>
          <p:cNvSpPr/>
          <p:nvPr/>
        </p:nvSpPr>
        <p:spPr bwMode="auto">
          <a:xfrm>
            <a:off x="2914712" y="4974704"/>
            <a:ext cx="998061" cy="589064"/>
          </a:xfrm>
          <a:custGeom>
            <a:avLst/>
            <a:gdLst>
              <a:gd name="connsiteX0" fmla="*/ 23274 w 998061"/>
              <a:gd name="connsiteY0" fmla="*/ 0 h 589064"/>
              <a:gd name="connsiteX1" fmla="*/ 34160 w 998061"/>
              <a:gd name="connsiteY1" fmla="*/ 359229 h 589064"/>
              <a:gd name="connsiteX2" fmla="*/ 349845 w 998061"/>
              <a:gd name="connsiteY2" fmla="*/ 560614 h 589064"/>
              <a:gd name="connsiteX3" fmla="*/ 758060 w 998061"/>
              <a:gd name="connsiteY3" fmla="*/ 571500 h 589064"/>
              <a:gd name="connsiteX4" fmla="*/ 964888 w 998061"/>
              <a:gd name="connsiteY4" fmla="*/ 408214 h 589064"/>
              <a:gd name="connsiteX5" fmla="*/ 997545 w 998061"/>
              <a:gd name="connsiteY5" fmla="*/ 212271 h 589064"/>
              <a:gd name="connsiteX6" fmla="*/ 964888 w 998061"/>
              <a:gd name="connsiteY6" fmla="*/ 10886 h 5890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98061" h="589064">
                <a:moveTo>
                  <a:pt x="23274" y="0"/>
                </a:moveTo>
                <a:cubicBezTo>
                  <a:pt x="1503" y="132896"/>
                  <a:pt x="-20268" y="265793"/>
                  <a:pt x="34160" y="359229"/>
                </a:cubicBezTo>
                <a:cubicBezTo>
                  <a:pt x="88588" y="452665"/>
                  <a:pt x="229195" y="525236"/>
                  <a:pt x="349845" y="560614"/>
                </a:cubicBezTo>
                <a:cubicBezTo>
                  <a:pt x="470495" y="595992"/>
                  <a:pt x="655553" y="596900"/>
                  <a:pt x="758060" y="571500"/>
                </a:cubicBezTo>
                <a:cubicBezTo>
                  <a:pt x="860567" y="546100"/>
                  <a:pt x="924974" y="468086"/>
                  <a:pt x="964888" y="408214"/>
                </a:cubicBezTo>
                <a:cubicBezTo>
                  <a:pt x="1004802" y="348343"/>
                  <a:pt x="997545" y="278492"/>
                  <a:pt x="997545" y="212271"/>
                </a:cubicBezTo>
                <a:cubicBezTo>
                  <a:pt x="997545" y="146050"/>
                  <a:pt x="981216" y="78468"/>
                  <a:pt x="964888" y="10886"/>
                </a:cubicBezTo>
              </a:path>
            </a:pathLst>
          </a:custGeom>
          <a:ln>
            <a:solidFill>
              <a:srgbClr val="2F3EEA"/>
            </a:solidFill>
            <a:headEnd type="non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cxnSp>
        <p:nvCxnSpPr>
          <p:cNvPr id="16" name="Lige pilforbindelse 69">
            <a:extLst>
              <a:ext uri="{FF2B5EF4-FFF2-40B4-BE49-F238E27FC236}">
                <a16:creationId xmlns:a16="http://schemas.microsoft.com/office/drawing/2014/main" id="{7AD712F6-5B37-40D0-A150-2E4DE22777D9}"/>
              </a:ext>
            </a:extLst>
          </p:cNvPr>
          <p:cNvCxnSpPr>
            <a:cxnSpLocks/>
            <a:stCxn id="15" idx="0"/>
          </p:cNvCxnSpPr>
          <p:nvPr/>
        </p:nvCxnSpPr>
        <p:spPr bwMode="auto">
          <a:xfrm flipH="1">
            <a:off x="2469610" y="4974704"/>
            <a:ext cx="468376" cy="0"/>
          </a:xfrm>
          <a:prstGeom prst="straightConnector1">
            <a:avLst/>
          </a:prstGeom>
          <a:solidFill>
            <a:schemeClr val="accent1"/>
          </a:solidFill>
          <a:ln w="9525" cap="flat" cmpd="sng" algn="ctr">
            <a:solidFill>
              <a:schemeClr val="tx1"/>
            </a:solidFill>
            <a:prstDash val="solid"/>
            <a:miter lim="800000"/>
            <a:headEnd type="triangle"/>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7" name="Tekstfelt 71">
            <a:extLst>
              <a:ext uri="{FF2B5EF4-FFF2-40B4-BE49-F238E27FC236}">
                <a16:creationId xmlns:a16="http://schemas.microsoft.com/office/drawing/2014/main" id="{EE372EA2-A7BC-4438-BED2-45B43734E82B}"/>
              </a:ext>
            </a:extLst>
          </p:cNvPr>
          <p:cNvSpPr txBox="1"/>
          <p:nvPr/>
        </p:nvSpPr>
        <p:spPr>
          <a:xfrm>
            <a:off x="1830215" y="4989889"/>
            <a:ext cx="1278785" cy="184666"/>
          </a:xfrm>
          <a:prstGeom prst="rect">
            <a:avLst/>
          </a:prstGeom>
          <a:noFill/>
        </p:spPr>
        <p:txBody>
          <a:bodyPr wrap="square" lIns="0" tIns="0" rIns="0" bIns="0" rtlCol="0">
            <a:spAutoFit/>
          </a:bodyPr>
          <a:lstStyle/>
          <a:p>
            <a:pPr algn="l">
              <a:spcBef>
                <a:spcPts val="432"/>
              </a:spcBef>
            </a:pPr>
            <a:r>
              <a:rPr lang="en-US" sz="1200" i="1" dirty="0">
                <a:latin typeface="+mn-lt"/>
              </a:rPr>
              <a:t>Probe pitch, s</a:t>
            </a:r>
          </a:p>
        </p:txBody>
      </p:sp>
      <p:sp>
        <p:nvSpPr>
          <p:cNvPr id="18" name="Tekstfelt 72">
            <a:extLst>
              <a:ext uri="{FF2B5EF4-FFF2-40B4-BE49-F238E27FC236}">
                <a16:creationId xmlns:a16="http://schemas.microsoft.com/office/drawing/2014/main" id="{BD2BADD4-2E1D-473F-B486-47B2C63CE627}"/>
              </a:ext>
            </a:extLst>
          </p:cNvPr>
          <p:cNvSpPr txBox="1"/>
          <p:nvPr/>
        </p:nvSpPr>
        <p:spPr>
          <a:xfrm>
            <a:off x="2901946" y="5667653"/>
            <a:ext cx="1543448" cy="215444"/>
          </a:xfrm>
          <a:prstGeom prst="rect">
            <a:avLst/>
          </a:prstGeom>
          <a:noFill/>
        </p:spPr>
        <p:txBody>
          <a:bodyPr wrap="square" lIns="0" tIns="0" rIns="0" bIns="0" rtlCol="0">
            <a:spAutoFit/>
          </a:bodyPr>
          <a:lstStyle/>
          <a:p>
            <a:pPr algn="l">
              <a:spcBef>
                <a:spcPts val="432"/>
              </a:spcBef>
            </a:pPr>
            <a:r>
              <a:rPr lang="en-US" sz="1400" i="1" dirty="0">
                <a:latin typeface="+mn-lt"/>
              </a:rPr>
              <a:t>Current flow</a:t>
            </a:r>
          </a:p>
        </p:txBody>
      </p:sp>
      <p:sp>
        <p:nvSpPr>
          <p:cNvPr id="3" name="TextBox 2">
            <a:extLst>
              <a:ext uri="{FF2B5EF4-FFF2-40B4-BE49-F238E27FC236}">
                <a16:creationId xmlns:a16="http://schemas.microsoft.com/office/drawing/2014/main" id="{976805B5-4328-4A43-80BF-0D6CF599C346}"/>
              </a:ext>
            </a:extLst>
          </p:cNvPr>
          <p:cNvSpPr txBox="1"/>
          <p:nvPr/>
        </p:nvSpPr>
        <p:spPr>
          <a:xfrm>
            <a:off x="1774725" y="5808994"/>
            <a:ext cx="3672408" cy="492443"/>
          </a:xfrm>
          <a:prstGeom prst="rect">
            <a:avLst/>
          </a:prstGeom>
          <a:noFill/>
        </p:spPr>
        <p:txBody>
          <a:bodyPr wrap="square" lIns="0" tIns="0" rIns="0" bIns="0" rtlCol="0">
            <a:spAutoFit/>
          </a:bodyPr>
          <a:lstStyle/>
          <a:p>
            <a:pPr algn="l">
              <a:spcBef>
                <a:spcPts val="432"/>
              </a:spcBef>
            </a:pPr>
            <a:r>
              <a:rPr lang="en-US" b="1" dirty="0">
                <a:latin typeface="+mn-lt"/>
              </a:rPr>
              <a:t>Figure 1</a:t>
            </a:r>
            <a:br>
              <a:rPr lang="en-US" dirty="0">
                <a:latin typeface="+mn-lt"/>
              </a:rPr>
            </a:br>
            <a:r>
              <a:rPr lang="en-US" dirty="0">
                <a:latin typeface="+mn-lt"/>
              </a:rPr>
              <a:t>Four-point probe measurement setup. </a:t>
            </a:r>
            <a:endParaRPr lang="en-DK" dirty="0" err="1">
              <a:latin typeface="+mn-lt"/>
            </a:endParaRPr>
          </a:p>
        </p:txBody>
      </p:sp>
      <p:pic>
        <p:nvPicPr>
          <p:cNvPr id="47" name="Picture 46">
            <a:extLst>
              <a:ext uri="{FF2B5EF4-FFF2-40B4-BE49-F238E27FC236}">
                <a16:creationId xmlns:a16="http://schemas.microsoft.com/office/drawing/2014/main" id="{5CDF11E5-90D9-41A9-A378-DC692335DF9F}"/>
              </a:ext>
            </a:extLst>
          </p:cNvPr>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6364702" y="1465562"/>
            <a:ext cx="4580557" cy="4218347"/>
          </a:xfrm>
          <a:prstGeom prst="rect">
            <a:avLst/>
          </a:prstGeom>
        </p:spPr>
      </p:pic>
      <p:sp>
        <p:nvSpPr>
          <p:cNvPr id="49" name="TextBox 48">
            <a:extLst>
              <a:ext uri="{FF2B5EF4-FFF2-40B4-BE49-F238E27FC236}">
                <a16:creationId xmlns:a16="http://schemas.microsoft.com/office/drawing/2014/main" id="{972611CE-841D-49F3-8CA1-DD4BA6FAF3D5}"/>
              </a:ext>
            </a:extLst>
          </p:cNvPr>
          <p:cNvSpPr txBox="1"/>
          <p:nvPr/>
        </p:nvSpPr>
        <p:spPr>
          <a:xfrm>
            <a:off x="6574354" y="5810575"/>
            <a:ext cx="3672408" cy="492443"/>
          </a:xfrm>
          <a:prstGeom prst="rect">
            <a:avLst/>
          </a:prstGeom>
          <a:noFill/>
        </p:spPr>
        <p:txBody>
          <a:bodyPr wrap="square" lIns="0" tIns="0" rIns="0" bIns="0" rtlCol="0">
            <a:spAutoFit/>
          </a:bodyPr>
          <a:lstStyle/>
          <a:p>
            <a:pPr algn="l">
              <a:spcBef>
                <a:spcPts val="432"/>
              </a:spcBef>
            </a:pPr>
            <a:r>
              <a:rPr lang="en-US" b="1" dirty="0">
                <a:latin typeface="+mn-lt"/>
              </a:rPr>
              <a:t>Figure 2</a:t>
            </a:r>
            <a:br>
              <a:rPr lang="en-US" dirty="0">
                <a:latin typeface="+mn-lt"/>
              </a:rPr>
            </a:br>
            <a:r>
              <a:rPr lang="en-US" dirty="0">
                <a:latin typeface="+mn-lt"/>
              </a:rPr>
              <a:t>Illustration of temperature profile. </a:t>
            </a:r>
            <a:endParaRPr lang="en-DK" dirty="0" err="1">
              <a:latin typeface="+mn-lt"/>
            </a:endParaRPr>
          </a:p>
        </p:txBody>
      </p:sp>
      <p:pic>
        <p:nvPicPr>
          <p:cNvPr id="58" name="Audio 57">
            <a:hlinkClick r:id="" action="ppaction://media"/>
            <a:extLst>
              <a:ext uri="{FF2B5EF4-FFF2-40B4-BE49-F238E27FC236}">
                <a16:creationId xmlns:a16="http://schemas.microsoft.com/office/drawing/2014/main" id="{9DED092B-AEB3-4F1A-82F9-C65AB75F139C}"/>
              </a:ext>
            </a:extLst>
          </p:cNvPr>
          <p:cNvPicPr>
            <a:picLocks noChangeAspect="1"/>
          </p:cNvPicPr>
          <p:nvPr>
            <a:audioFile r:link="rId4"/>
            <p:extLst>
              <p:ext uri="{DAA4B4D4-6D71-4841-9C94-3DE7FCFB9230}">
                <p14:media xmlns:p14="http://schemas.microsoft.com/office/powerpoint/2010/main" r:embed="rId3"/>
              </p:ext>
            </p:extLst>
          </p:nvPr>
        </p:nvPicPr>
        <p:blipFill>
          <a:blip r:embed="rId8"/>
          <a:stretch>
            <a:fillRect/>
          </a:stretch>
        </p:blipFill>
        <p:spPr>
          <a:xfrm>
            <a:off x="11487150" y="6154738"/>
            <a:ext cx="487363" cy="487362"/>
          </a:xfrm>
          <a:prstGeom prst="rect">
            <a:avLst/>
          </a:prstGeom>
        </p:spPr>
      </p:pic>
    </p:spTree>
    <p:custDataLst>
      <p:custData r:id="rId1"/>
      <p:custData r:id="rId2"/>
    </p:custDataLst>
    <p:extLst>
      <p:ext uri="{BB962C8B-B14F-4D97-AF65-F5344CB8AC3E}">
        <p14:creationId xmlns:p14="http://schemas.microsoft.com/office/powerpoint/2010/main" val="1796381250"/>
      </p:ext>
    </p:extLst>
  </p:cSld>
  <p:clrMapOvr>
    <a:masterClrMapping/>
  </p:clrMapOvr>
  <mc:AlternateContent xmlns:mc="http://schemas.openxmlformats.org/markup-compatibility/2006">
    <mc:Choice xmlns:p14="http://schemas.microsoft.com/office/powerpoint/2010/main" Requires="p14">
      <p:transition spd="slow" p14:dur="2000" advTm="57386"/>
    </mc:Choice>
    <mc:Fallback>
      <p:transition spd="slow" advTm="57386"/>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58"/>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58"/>
                </p:tgtEl>
              </p:cMediaNode>
            </p:audio>
          </p:childTnLst>
        </p:cTn>
      </p:par>
    </p:tnLst>
  </p:timing>
  <p:extLst>
    <p:ext uri="{3A86A75C-4F4B-4683-9AE1-C65F6400EC91}">
      <p14:laserTraceLst xmlns:p14="http://schemas.microsoft.com/office/powerpoint/2010/main">
        <p14:tracePtLst>
          <p14:tracePt t="8038" x="841375" y="1971675"/>
          <p14:tracePt t="8044" x="1104900" y="2371725"/>
          <p14:tracePt t="8051" x="1343025" y="2795588"/>
          <p14:tracePt t="8058" x="1503363" y="3076575"/>
          <p14:tracePt t="8065" x="1631950" y="3330575"/>
          <p14:tracePt t="8072" x="1766888" y="3578225"/>
          <p14:tracePt t="8079" x="1878013" y="3798888"/>
          <p14:tracePt t="8086" x="1954213" y="3935413"/>
          <p14:tracePt t="8093" x="2022475" y="4052888"/>
          <p14:tracePt t="8100" x="2081213" y="4171950"/>
          <p14:tracePt t="8108" x="2132013" y="4283075"/>
          <p14:tracePt t="8114" x="2166938" y="4384675"/>
          <p14:tracePt t="8121" x="2208213" y="4445000"/>
          <p14:tracePt t="8128" x="2235200" y="4495800"/>
          <p14:tracePt t="8134" x="2268538" y="4546600"/>
          <p14:tracePt t="8141" x="2286000" y="4572000"/>
          <p14:tracePt t="8148" x="2301875" y="4605338"/>
          <p14:tracePt t="8155" x="2311400" y="4614863"/>
          <p14:tracePt t="8162" x="2319338" y="4630738"/>
          <p14:tracePt t="8169" x="2319338" y="4648200"/>
          <p14:tracePt t="8176" x="2327275" y="4648200"/>
          <p14:tracePt t="8182" x="2327275" y="4657725"/>
          <p14:tracePt t="8196" x="2327275" y="4665663"/>
          <p14:tracePt t="8210" x="2327275" y="4673600"/>
          <p14:tracePt t="8293" x="2319338" y="4673600"/>
          <p14:tracePt t="8348" x="2319338" y="4683125"/>
          <p14:tracePt t="8362" x="2319338" y="4691063"/>
          <p14:tracePt t="8383" x="2319338" y="4699000"/>
          <p14:tracePt t="8390" x="2319338" y="4708525"/>
          <p14:tracePt t="8405" x="2319338" y="4716463"/>
          <p14:tracePt t="8425" x="2327275" y="4716463"/>
          <p14:tracePt t="8432" x="2344738" y="4724400"/>
          <p14:tracePt t="8439" x="2395538" y="4733925"/>
          <p14:tracePt t="8446" x="2438400" y="4749800"/>
          <p14:tracePt t="8453" x="2489200" y="4759325"/>
          <p14:tracePt t="8459" x="2532063" y="4767263"/>
          <p14:tracePt t="8466" x="2565400" y="4792663"/>
          <p14:tracePt t="8474" x="2600325" y="4802188"/>
          <p14:tracePt t="8480" x="2625725" y="4810125"/>
          <p14:tracePt t="8488" x="2641600" y="4818063"/>
          <p14:tracePt t="8494" x="2641600" y="4827588"/>
          <p14:tracePt t="8502" x="2659063" y="4827588"/>
          <p14:tracePt t="8508" x="2668588" y="4835525"/>
          <p14:tracePt t="8522" x="2676525" y="4835525"/>
          <p14:tracePt t="8528" x="2684463" y="4835525"/>
          <p14:tracePt t="8535" x="2684463" y="4843463"/>
          <p14:tracePt t="8549" x="2684463" y="4852988"/>
          <p14:tracePt t="8563" x="2693988" y="4852988"/>
          <p14:tracePt t="8577" x="2701925" y="4852988"/>
          <p14:tracePt t="8591" x="2709863" y="4852988"/>
          <p14:tracePt t="8626" x="2709863" y="4843463"/>
          <p14:tracePt t="8640" x="2709863" y="4835525"/>
          <p14:tracePt t="8919" x="2709863" y="4843463"/>
          <p14:tracePt t="8925" x="2719388" y="4860925"/>
          <p14:tracePt t="8932" x="2735263" y="4878388"/>
          <p14:tracePt t="8938" x="2744788" y="4886325"/>
          <p14:tracePt t="8945" x="2744788" y="4894263"/>
          <p14:tracePt t="8952" x="2760663" y="4911725"/>
          <p14:tracePt t="8959" x="2770188" y="4911725"/>
          <p14:tracePt t="8965" x="2770188" y="4929188"/>
          <p14:tracePt t="8987" x="2778125" y="4937125"/>
          <p14:tracePt t="8993" x="2778125" y="4946650"/>
          <p14:tracePt t="9007" x="2786063" y="4954588"/>
          <p14:tracePt t="9014" x="2786063" y="4962525"/>
          <p14:tracePt t="9020" x="2786063" y="4972050"/>
          <p14:tracePt t="9041" x="2786063" y="4979988"/>
          <p14:tracePt t="9048" x="2795588" y="4987925"/>
          <p14:tracePt t="9054" x="2795588" y="4997450"/>
          <p14:tracePt t="9089" x="2795588" y="5005388"/>
          <p14:tracePt t="9103" x="2795588" y="5013325"/>
          <p14:tracePt t="9139" x="2795588" y="5022850"/>
          <p14:tracePt t="9145" x="2803525" y="5022850"/>
          <p14:tracePt t="9152" x="2803525" y="5030788"/>
          <p14:tracePt t="9165" x="2803525" y="5038725"/>
          <p14:tracePt t="9200" x="2803525" y="5048250"/>
          <p14:tracePt t="9214" x="2803525" y="5056188"/>
          <p14:tracePt t="9228" x="2811463" y="5056188"/>
          <p14:tracePt t="9242" x="2811463" y="5064125"/>
          <p14:tracePt t="9249" x="2811463" y="5073650"/>
          <p14:tracePt t="9260" x="2811463" y="5081588"/>
          <p14:tracePt t="9270" x="2811463" y="5091113"/>
          <p14:tracePt t="9279" x="2811463" y="5099050"/>
          <p14:tracePt t="9298" x="2811463" y="5106988"/>
          <p14:tracePt t="9304" x="2811463" y="5116513"/>
          <p14:tracePt t="9310" x="2811463" y="5124450"/>
          <p14:tracePt t="9325" x="2811463" y="5132388"/>
          <p14:tracePt t="9332" x="2811463" y="5141913"/>
          <p14:tracePt t="9345" x="2811463" y="5157788"/>
          <p14:tracePt t="9352" x="2811463" y="5167313"/>
          <p14:tracePt t="9359" x="2811463" y="5175250"/>
          <p14:tracePt t="9366" x="2811463" y="5192713"/>
          <p14:tracePt t="9379" x="2811463" y="5208588"/>
          <p14:tracePt t="9387" x="2811463" y="5226050"/>
          <p14:tracePt t="9400" x="2811463" y="5243513"/>
          <p14:tracePt t="9408" x="2811463" y="5251450"/>
          <p14:tracePt t="9414" x="2811463" y="5260975"/>
          <p14:tracePt t="9422" x="2811463" y="5268913"/>
          <p14:tracePt t="9428" x="2811463" y="5276850"/>
          <p14:tracePt t="9435" x="2811463" y="5286375"/>
          <p14:tracePt t="9442" x="2811463" y="5294313"/>
          <p14:tracePt t="9456" x="2811463" y="5311775"/>
          <p14:tracePt t="9463" x="2803525" y="5319713"/>
          <p14:tracePt t="9476" x="2803525" y="5327650"/>
          <p14:tracePt t="9483" x="2803525" y="5337175"/>
          <p14:tracePt t="9493" x="2803525" y="5345113"/>
          <p14:tracePt t="9506" x="2803525" y="5353050"/>
          <p14:tracePt t="9512" x="2795588" y="5362575"/>
          <p14:tracePt t="9533" x="2795588" y="5370513"/>
          <p14:tracePt t="9544" x="2795588" y="5380038"/>
          <p14:tracePt t="9547" x="2795588" y="5387975"/>
          <p14:tracePt t="9562" x="2795588" y="5395913"/>
          <p14:tracePt t="9576" x="2795588" y="5405438"/>
          <p14:tracePt t="9610" x="2795588" y="5413375"/>
          <p14:tracePt t="9625" x="2795588" y="5421313"/>
          <p14:tracePt t="9659" x="2795588" y="5430838"/>
          <p14:tracePt t="9686" x="2795588" y="5438775"/>
          <p14:tracePt t="9706" x="2795588" y="5446713"/>
          <p14:tracePt t="9740" x="2795588" y="5456238"/>
          <p14:tracePt t="9754" x="2795588" y="5464175"/>
          <p14:tracePt t="9774" x="2795588" y="5472113"/>
          <p14:tracePt t="9781" x="2795588" y="5481638"/>
          <p14:tracePt t="9788" x="2795588" y="5489575"/>
          <p14:tracePt t="9795" x="2803525" y="5489575"/>
          <p14:tracePt t="9802" x="2803525" y="5507038"/>
          <p14:tracePt t="9809" x="2803525" y="5514975"/>
          <p14:tracePt t="9816" x="2811463" y="5532438"/>
          <p14:tracePt t="9823" x="2820988" y="5549900"/>
          <p14:tracePt t="9829" x="2820988" y="5565775"/>
          <p14:tracePt t="9837" x="2828925" y="5583238"/>
          <p14:tracePt t="9843" x="2838450" y="5608638"/>
          <p14:tracePt t="9850" x="2846388" y="5641975"/>
          <p14:tracePt t="9857" x="2863850" y="5676900"/>
          <p14:tracePt t="9864" x="2871788" y="5710238"/>
          <p14:tracePt t="9871" x="2889250" y="5745163"/>
          <p14:tracePt t="9878" x="2905125" y="5770563"/>
          <p14:tracePt t="9885" x="2914650" y="5788025"/>
          <p14:tracePt t="9892" x="2922588" y="5813425"/>
          <p14:tracePt t="9899" x="2930525" y="5829300"/>
          <p14:tracePt t="9907" x="2947988" y="5846763"/>
          <p14:tracePt t="9919" x="2955925" y="5864225"/>
          <p14:tracePt t="9926" x="2965450" y="5872163"/>
          <p14:tracePt t="9933" x="2973388" y="5872163"/>
          <p14:tracePt t="9941" x="2973388" y="5880100"/>
          <p14:tracePt t="9947" x="2990850" y="5889625"/>
          <p14:tracePt t="9954" x="2998788" y="5897563"/>
          <p14:tracePt t="9968" x="3016250" y="5905500"/>
          <p14:tracePt t="9975" x="3024188" y="5905500"/>
          <p14:tracePt t="9982" x="3033713" y="5915025"/>
          <p14:tracePt t="9990" x="3049588" y="5922963"/>
          <p14:tracePt t="9996" x="3059113" y="5932488"/>
          <p14:tracePt t="10003" x="3067050" y="5932488"/>
          <p14:tracePt t="10009" x="3092450" y="5948363"/>
          <p14:tracePt t="10024" x="3109913" y="5957888"/>
          <p14:tracePt t="10030" x="3143250" y="5965825"/>
          <p14:tracePt t="10037" x="3152775" y="5965825"/>
          <p14:tracePt t="10044" x="3186113" y="5973763"/>
          <p14:tracePt t="10052" x="3211513" y="5973763"/>
          <p14:tracePt t="10060" x="3244850" y="5973763"/>
          <p14:tracePt t="10067" x="3270250" y="5973763"/>
          <p14:tracePt t="10076" x="3305175" y="5973763"/>
          <p14:tracePt t="10080" x="3348038" y="5973763"/>
          <p14:tracePt t="10087" x="3381375" y="5965825"/>
          <p14:tracePt t="10094" x="3414713" y="5957888"/>
          <p14:tracePt t="10100" x="3449638" y="5940425"/>
          <p14:tracePt t="10108" x="3500438" y="5922963"/>
          <p14:tracePt t="10114" x="3559175" y="5889625"/>
          <p14:tracePt t="10121" x="3662363" y="5846763"/>
          <p14:tracePt t="10128" x="3756025" y="5821363"/>
          <p14:tracePt t="10134" x="3822700" y="5803900"/>
          <p14:tracePt t="10141" x="3890963" y="5788025"/>
          <p14:tracePt t="10148" x="3916363" y="5778500"/>
          <p14:tracePt t="10155" x="3951288" y="5770563"/>
          <p14:tracePt t="10161" x="3967163" y="5761038"/>
          <p14:tracePt t="10168" x="3992563" y="5753100"/>
          <p14:tracePt t="10175" x="4010025" y="5745163"/>
          <p14:tracePt t="10183" x="4017963" y="5735638"/>
          <p14:tracePt t="10190" x="4035425" y="5727700"/>
          <p14:tracePt t="10196" x="4052888" y="5719763"/>
          <p14:tracePt t="10203" x="4060825" y="5719763"/>
          <p14:tracePt t="10210" x="4078288" y="5702300"/>
          <p14:tracePt t="10218" x="4086225" y="5694363"/>
          <p14:tracePt t="10226" x="4103688" y="5676900"/>
          <p14:tracePt t="10234" x="4121150" y="5676900"/>
          <p14:tracePt t="10237" x="4137025" y="5659438"/>
          <p14:tracePt t="10244" x="4154488" y="5651500"/>
          <p14:tracePt t="10252" x="4162425" y="5634038"/>
          <p14:tracePt t="10259" x="4179888" y="5616575"/>
          <p14:tracePt t="10265" x="4205288" y="5600700"/>
          <p14:tracePt t="10274" x="4222750" y="5591175"/>
          <p14:tracePt t="10279" x="4240213" y="5575300"/>
          <p14:tracePt t="10286" x="4256088" y="5557838"/>
          <p14:tracePt t="10292" x="4273550" y="5549900"/>
          <p14:tracePt t="10299" x="4291013" y="5540375"/>
          <p14:tracePt t="10307" x="4298950" y="5532438"/>
          <p14:tracePt t="10313" x="4316413" y="5524500"/>
          <p14:tracePt t="10321" x="4332288" y="5514975"/>
          <p14:tracePt t="10327" x="4341813" y="5507038"/>
          <p14:tracePt t="10334" x="4341813" y="5497513"/>
          <p14:tracePt t="10342" x="4349750" y="5489575"/>
          <p14:tracePt t="10348" x="4359275" y="5481638"/>
          <p14:tracePt t="10357" x="4359275" y="5472113"/>
          <p14:tracePt t="10362" x="4367213" y="5472113"/>
          <p14:tracePt t="10369" x="4375150" y="5472113"/>
          <p14:tracePt t="10376" x="4375150" y="5464175"/>
          <p14:tracePt t="10383" x="4384675" y="5456238"/>
          <p14:tracePt t="10397" x="4392613" y="5446713"/>
          <p14:tracePt t="10403" x="4400550" y="5438775"/>
          <p14:tracePt t="10410" x="4400550" y="5430838"/>
          <p14:tracePt t="10425" x="4410075" y="5430838"/>
          <p14:tracePt t="10431" x="4410075" y="5413375"/>
          <p14:tracePt t="10439" x="4410075" y="5405438"/>
          <p14:tracePt t="10445" x="4418013" y="5405438"/>
          <p14:tracePt t="10452" x="4425950" y="5387975"/>
          <p14:tracePt t="10466" x="4425950" y="5380038"/>
          <p14:tracePt t="10473" x="4435475" y="5362575"/>
          <p14:tracePt t="10480" x="4435475" y="5353050"/>
          <p14:tracePt t="10487" x="4443413" y="5345113"/>
          <p14:tracePt t="10493" x="4443413" y="5327650"/>
          <p14:tracePt t="10501" x="4451350" y="5319713"/>
          <p14:tracePt t="10508" x="4451350" y="5302250"/>
          <p14:tracePt t="10514" x="4451350" y="5294313"/>
          <p14:tracePt t="10521" x="4460875" y="5260975"/>
          <p14:tracePt t="10528" x="4468813" y="5235575"/>
          <p14:tracePt t="10535" x="4468813" y="5208588"/>
          <p14:tracePt t="10542" x="4468813" y="5175250"/>
          <p14:tracePt t="10549" x="4460875" y="5149850"/>
          <p14:tracePt t="10556" x="4451350" y="5116513"/>
          <p14:tracePt t="10563" x="4435475" y="5081588"/>
          <p14:tracePt t="10570" x="4425950" y="5048250"/>
          <p14:tracePt t="10576" x="4410075" y="5013325"/>
          <p14:tracePt t="10584" x="4375150" y="4972050"/>
          <p14:tracePt t="10591" x="4359275" y="4946650"/>
          <p14:tracePt t="10598" x="4332288" y="4911725"/>
          <p14:tracePt t="10606" x="4306888" y="4886325"/>
          <p14:tracePt t="10611" x="4273550" y="4852988"/>
          <p14:tracePt t="10618" x="4205288" y="4810125"/>
          <p14:tracePt t="10626" x="4146550" y="4767263"/>
          <p14:tracePt t="10632" x="4095750" y="4733925"/>
          <p14:tracePt t="10639" x="4044950" y="4708525"/>
          <p14:tracePt t="10646" x="4002088" y="4691063"/>
          <p14:tracePt t="10653" x="3976688" y="4683125"/>
          <p14:tracePt t="10659" x="3941763" y="4665663"/>
          <p14:tracePt t="10666" x="3916363" y="4657725"/>
          <p14:tracePt t="10673" x="3890963" y="4648200"/>
          <p14:tracePt t="10680" x="3873500" y="4630738"/>
          <p14:tracePt t="10688" x="3857625" y="4622800"/>
          <p14:tracePt t="10694" x="3840163" y="4614863"/>
          <p14:tracePt t="10702" x="3814763" y="4597400"/>
          <p14:tracePt t="10709" x="3806825" y="4597400"/>
          <p14:tracePt t="10715" x="3789363" y="4597400"/>
          <p14:tracePt t="10724" x="3771900" y="4589463"/>
          <p14:tracePt t="10729" x="3756025" y="4589463"/>
          <p14:tracePt t="10736" x="3729038" y="4579938"/>
          <p14:tracePt t="10742" x="3703638" y="4579938"/>
          <p14:tracePt t="10750" x="3687763" y="4579938"/>
          <p14:tracePt t="10757" x="3662363" y="4579938"/>
          <p14:tracePt t="10763" x="3627438" y="4579938"/>
          <p14:tracePt t="10771" x="3586163" y="4589463"/>
          <p14:tracePt t="10777" x="3551238" y="4597400"/>
          <p14:tracePt t="10784" x="3517900" y="4597400"/>
          <p14:tracePt t="10792" x="3482975" y="4605338"/>
          <p14:tracePt t="10798" x="3457575" y="4614863"/>
          <p14:tracePt t="10807" x="3449638" y="4622800"/>
          <p14:tracePt t="10812" x="3432175" y="4630738"/>
          <p14:tracePt t="10819" x="3424238" y="4640263"/>
          <p14:tracePt t="10826" x="3424238" y="4648200"/>
          <p14:tracePt t="10839" x="3424238" y="4657725"/>
          <p14:tracePt t="10846" x="3424238" y="4665663"/>
          <p14:tracePt t="10853" x="3424238" y="4673600"/>
          <p14:tracePt t="10860" x="3424238" y="4683125"/>
          <p14:tracePt t="10867" x="3424238" y="4699000"/>
          <p14:tracePt t="10874" x="3424238" y="4708525"/>
          <p14:tracePt t="10890" x="3424238" y="4724400"/>
          <p14:tracePt t="10902" x="3432175" y="4733925"/>
          <p14:tracePt t="10909" x="3432175" y="4741863"/>
          <p14:tracePt t="10916" x="3432175" y="4749800"/>
          <p14:tracePt t="10929" x="3441700" y="4759325"/>
          <p14:tracePt t="10937" x="3441700" y="4767263"/>
          <p14:tracePt t="10950" x="3441700" y="4775200"/>
          <p14:tracePt t="10964" x="3441700" y="4784725"/>
          <p14:tracePt t="10971" x="3449638" y="4792663"/>
          <p14:tracePt t="10985" x="3449638" y="4802188"/>
          <p14:tracePt t="10992" x="3449638" y="4810125"/>
          <p14:tracePt t="11006" x="3457575" y="4810125"/>
          <p14:tracePt t="11026" x="3457575" y="4818063"/>
          <p14:tracePt t="11040" x="3457575" y="4827588"/>
          <p14:tracePt t="11067" x="3467100" y="4827588"/>
          <p14:tracePt t="11158" x="3475038" y="4827588"/>
          <p14:tracePt t="11206" x="3475038" y="4835525"/>
          <p14:tracePt t="11227" x="3475038" y="4843463"/>
          <p14:tracePt t="11241" x="3475038" y="4852988"/>
          <p14:tracePt t="11276" x="3475038" y="4860925"/>
          <p14:tracePt t="11413" x="3482975" y="4860925"/>
          <p14:tracePt t="11427" x="3492500" y="4860925"/>
          <p14:tracePt t="11441" x="3500438" y="4860925"/>
          <p14:tracePt t="11448" x="3500438" y="4852988"/>
          <p14:tracePt t="11456" x="3500438" y="4843463"/>
          <p14:tracePt t="19647" x="3492500" y="4852988"/>
          <p14:tracePt t="19655" x="3482975" y="4852988"/>
          <p14:tracePt t="19666" x="3475038" y="4860925"/>
          <p14:tracePt t="19673" x="3467100" y="4868863"/>
          <p14:tracePt t="19694" x="3457575" y="4868863"/>
          <p14:tracePt t="19701" x="3441700" y="4878388"/>
          <p14:tracePt t="19707" x="3432175" y="4886325"/>
          <p14:tracePt t="19715" x="3424238" y="4903788"/>
          <p14:tracePt t="19722" x="3406775" y="4911725"/>
          <p14:tracePt t="19728" x="3389313" y="4919663"/>
          <p14:tracePt t="19736" x="3389313" y="4929188"/>
          <p14:tracePt t="19742" x="3373438" y="4937125"/>
          <p14:tracePt t="19749" x="3355975" y="4946650"/>
          <p14:tracePt t="19756" x="3338513" y="4962525"/>
          <p14:tracePt t="19770" x="3313113" y="4962525"/>
          <p14:tracePt t="19777" x="3297238" y="4972050"/>
          <p14:tracePt t="19783" x="3287713" y="4979988"/>
          <p14:tracePt t="19790" x="3270250" y="4987925"/>
          <p14:tracePt t="19798" x="3254375" y="4997450"/>
          <p14:tracePt t="19804" x="3236913" y="5005388"/>
          <p14:tracePt t="19811" x="3211513" y="5013325"/>
          <p14:tracePt t="19818" x="3186113" y="5022850"/>
          <p14:tracePt t="19825" x="3152775" y="5038725"/>
          <p14:tracePt t="19832" x="3127375" y="5038725"/>
          <p14:tracePt t="19839" x="3109913" y="5038725"/>
          <p14:tracePt t="19847" x="3084513" y="5048250"/>
          <p14:tracePt t="19857" x="3059113" y="5056188"/>
          <p14:tracePt t="19860" x="3033713" y="5064125"/>
          <p14:tracePt t="19868" x="3024188" y="5073650"/>
          <p14:tracePt t="19876" x="2998788" y="5073650"/>
          <p14:tracePt t="19881" x="2982913" y="5081588"/>
          <p14:tracePt t="19890" x="2965450" y="5081588"/>
          <p14:tracePt t="19896" x="2947988" y="5091113"/>
          <p14:tracePt t="19901" x="2940050" y="5091113"/>
          <p14:tracePt t="19915" x="2930525" y="5091113"/>
          <p14:tracePt t="19922" x="2922588" y="5091113"/>
          <p14:tracePt t="19929" x="2914650" y="5091113"/>
          <p14:tracePt t="19936" x="2905125" y="5091113"/>
          <p14:tracePt t="19943" x="2897188" y="5091113"/>
          <p14:tracePt t="19949" x="2889250" y="5091113"/>
          <p14:tracePt t="19956" x="2863850" y="5099050"/>
          <p14:tracePt t="19965" x="2846388" y="5099050"/>
          <p14:tracePt t="19973" x="2828925" y="5099050"/>
          <p14:tracePt t="19978" x="2811463" y="5106988"/>
          <p14:tracePt t="19986" x="2795588" y="5106988"/>
          <p14:tracePt t="19994" x="2778125" y="5106988"/>
          <p14:tracePt t="19999" x="2760663" y="5106988"/>
          <p14:tracePt t="20007" x="2752725" y="5106988"/>
          <p14:tracePt t="20021" x="2735263" y="5106988"/>
          <p14:tracePt t="20026" x="2727325" y="5106988"/>
          <p14:tracePt t="20040" x="2709863" y="5106988"/>
          <p14:tracePt t="20053" x="2701925" y="5106988"/>
          <p14:tracePt t="20060" x="2693988" y="5106988"/>
          <p14:tracePt t="20067" x="2684463" y="5106988"/>
          <p14:tracePt t="20074" x="2676525" y="5106988"/>
          <p14:tracePt t="20081" x="2668588" y="5106988"/>
          <p14:tracePt t="20088" x="2659063" y="5106988"/>
          <p14:tracePt t="20095" x="2651125" y="5106988"/>
          <p14:tracePt t="20103" x="2641600" y="5106988"/>
          <p14:tracePt t="20115" x="2633663" y="5106988"/>
          <p14:tracePt t="20123" x="2625725" y="5106988"/>
          <p14:tracePt t="20130" x="2616200" y="5106988"/>
          <p14:tracePt t="20143" x="2608263" y="5106988"/>
          <p14:tracePt t="20150" x="2600325" y="5106988"/>
          <p14:tracePt t="20171" x="2590800" y="5106988"/>
          <p14:tracePt t="20178" x="2582863" y="5106988"/>
          <p14:tracePt t="20187" x="2574925" y="5116513"/>
          <p14:tracePt t="20205" x="2574925" y="5124450"/>
          <p14:tracePt t="20212" x="2565400" y="5124450"/>
          <p14:tracePt t="20226" x="2557463" y="5124450"/>
          <p14:tracePt t="20261" x="2549525" y="5124450"/>
          <p14:tracePt t="20517" x="2540000" y="5124450"/>
          <p14:tracePt t="20524" x="2532063" y="5124450"/>
          <p14:tracePt t="20538" x="2514600" y="5124450"/>
          <p14:tracePt t="20545" x="2506663" y="5132388"/>
          <p14:tracePt t="20554" x="2489200" y="5132388"/>
          <p14:tracePt t="20559" x="2471738" y="5141913"/>
          <p14:tracePt t="20566" x="2455863" y="5141913"/>
          <p14:tracePt t="20573" x="2438400" y="5149850"/>
          <p14:tracePt t="20579" x="2430463" y="5149850"/>
          <p14:tracePt t="20586" x="2420938" y="5149850"/>
          <p14:tracePt t="20593" x="2413000" y="5149850"/>
          <p14:tracePt t="20600" x="2405063" y="5149850"/>
          <p14:tracePt t="20607" x="2405063" y="5157788"/>
          <p14:tracePt t="20614" x="2395538" y="5157788"/>
          <p14:tracePt t="20621" x="2387600" y="5157788"/>
          <p14:tracePt t="20641" x="2379663" y="5157788"/>
          <p14:tracePt t="20822" x="2387600" y="5157788"/>
          <p14:tracePt t="20855" x="2395538" y="5157788"/>
          <p14:tracePt t="21049" x="2405063" y="5157788"/>
          <p14:tracePt t="29544" x="2651125" y="4987925"/>
          <p14:tracePt t="29552" x="3100388" y="4741863"/>
          <p14:tracePt t="29557" x="3406775" y="4579938"/>
          <p14:tracePt t="29564" x="3687763" y="4419600"/>
          <p14:tracePt t="29571" x="3984625" y="4300538"/>
          <p14:tracePt t="29579" x="4291013" y="4156075"/>
          <p14:tracePt t="29586" x="4537075" y="4044950"/>
          <p14:tracePt t="29592" x="4749800" y="3968750"/>
          <p14:tracePt t="29599" x="4935538" y="3883025"/>
          <p14:tracePt t="29606" x="5089525" y="3832225"/>
          <p14:tracePt t="29613" x="5216525" y="3773488"/>
          <p14:tracePt t="29619" x="5335588" y="3722688"/>
          <p14:tracePt t="29628" x="5437188" y="3687763"/>
          <p14:tracePt t="29636" x="5538788" y="3629025"/>
          <p14:tracePt t="29641" x="5632450" y="3594100"/>
          <p14:tracePt t="29649" x="5708650" y="3568700"/>
          <p14:tracePt t="29655" x="5786438" y="3535363"/>
          <p14:tracePt t="29662" x="5845175" y="3509963"/>
          <p14:tracePt t="29670" x="5905500" y="3484563"/>
          <p14:tracePt t="29676" x="5938838" y="3467100"/>
          <p14:tracePt t="29687" x="5981700" y="3441700"/>
          <p14:tracePt t="29690" x="5997575" y="3433763"/>
          <p14:tracePt t="29697" x="6024563" y="3416300"/>
          <p14:tracePt t="29704" x="6049963" y="3398838"/>
          <p14:tracePt t="29711" x="6065838" y="3390900"/>
          <p14:tracePt t="29719" x="6083300" y="3373438"/>
          <p14:tracePt t="29724" x="6100763" y="3355975"/>
          <p14:tracePt t="29732" x="6126163" y="3340100"/>
          <p14:tracePt t="29738" x="6151563" y="3340100"/>
          <p14:tracePt t="29745" x="6176963" y="3314700"/>
          <p14:tracePt t="29752" x="6219825" y="3289300"/>
          <p14:tracePt t="29759" x="6270625" y="3263900"/>
          <p14:tracePt t="29768" x="6321425" y="3228975"/>
          <p14:tracePt t="29772" x="6354763" y="3211513"/>
          <p14:tracePt t="29780" x="6380163" y="3203575"/>
          <p14:tracePt t="29787" x="6405563" y="3195638"/>
          <p14:tracePt t="29793" x="6415088" y="3186113"/>
          <p14:tracePt t="29801" x="6430963" y="3178175"/>
          <p14:tracePt t="29807" x="6448425" y="3178175"/>
          <p14:tracePt t="29814" x="6448425" y="3170238"/>
          <p14:tracePt t="29828" x="6448425" y="3160713"/>
          <p14:tracePt t="29835" x="6456363" y="3160713"/>
          <p14:tracePt t="29851" x="6465888" y="3160713"/>
          <p14:tracePt t="29870" x="6473825" y="3160713"/>
          <p14:tracePt t="29890" x="6473825" y="3170238"/>
          <p14:tracePt t="29897" x="6483350" y="3170238"/>
          <p14:tracePt t="29903" x="6483350" y="3178175"/>
          <p14:tracePt t="29911" x="6491288" y="3178175"/>
          <p14:tracePt t="29932" x="6491288" y="3186113"/>
          <p14:tracePt t="29938" x="6491288" y="3195638"/>
          <p14:tracePt t="29946" x="6499225" y="3195638"/>
          <p14:tracePt t="29952" x="6508750" y="3195638"/>
          <p14:tracePt t="29959" x="6516688" y="3211513"/>
          <p14:tracePt t="29966" x="6516688" y="3221038"/>
          <p14:tracePt t="29973" x="6524625" y="3228975"/>
          <p14:tracePt t="29980" x="6534150" y="3246438"/>
          <p14:tracePt t="29986" x="6550025" y="3263900"/>
          <p14:tracePt t="30001" x="6559550" y="3279775"/>
          <p14:tracePt t="30007" x="6567488" y="3297238"/>
          <p14:tracePt t="30015" x="6584950" y="3305175"/>
          <p14:tracePt t="30028" x="6600825" y="3322638"/>
          <p14:tracePt t="30035" x="6618288" y="3330575"/>
          <p14:tracePt t="30042" x="6626225" y="3340100"/>
          <p14:tracePt t="30050" x="6653213" y="3348038"/>
          <p14:tracePt t="30055" x="6678613" y="3365500"/>
          <p14:tracePt t="30063" x="6704013" y="3382963"/>
          <p14:tracePt t="30069" x="6737350" y="3390900"/>
          <p14:tracePt t="30077" x="6745288" y="3408363"/>
          <p14:tracePt t="30083" x="6780213" y="3416300"/>
          <p14:tracePt t="30090" x="6805613" y="3424238"/>
          <p14:tracePt t="30098" x="6831013" y="3441700"/>
          <p14:tracePt t="30104" x="6848475" y="3449638"/>
          <p14:tracePt t="30111" x="6864350" y="3449638"/>
          <p14:tracePt t="30118" x="6881813" y="3459163"/>
          <p14:tracePt t="30125" x="6907213" y="3467100"/>
          <p14:tracePt t="30133" x="6907213" y="3475038"/>
          <p14:tracePt t="30139" x="6915150" y="3475038"/>
          <p14:tracePt t="30146" x="6924675" y="3484563"/>
          <p14:tracePt t="30152" x="6932613" y="3484563"/>
          <p14:tracePt t="30167" x="6942138" y="3484563"/>
          <p14:tracePt t="30547" x="6942138" y="3492500"/>
          <p14:tracePt t="30554" x="6950075" y="3502025"/>
          <p14:tracePt t="30561" x="6950075" y="3509963"/>
          <p14:tracePt t="30568" x="6958013" y="3517900"/>
          <p14:tracePt t="30575" x="6958013" y="3527425"/>
          <p14:tracePt t="30582" x="6958013" y="3535363"/>
          <p14:tracePt t="30588" x="6958013" y="3543300"/>
          <p14:tracePt t="30595" x="6967538" y="3552825"/>
          <p14:tracePt t="30602" x="6967538" y="3560763"/>
          <p14:tracePt t="30610" x="6975475" y="3568700"/>
          <p14:tracePt t="30621" x="6975475" y="3578225"/>
          <p14:tracePt t="30624" x="6975475" y="3586163"/>
          <p14:tracePt t="30631" x="6975475" y="3594100"/>
          <p14:tracePt t="30644" x="6983413" y="3603625"/>
          <p14:tracePt t="30658" x="6992938" y="3611563"/>
          <p14:tracePt t="30668" x="6992938" y="3619500"/>
          <p14:tracePt t="30673" x="7000875" y="3629025"/>
          <p14:tracePt t="30692" x="7000875" y="3636963"/>
          <p14:tracePt t="30705" x="7008813" y="3646488"/>
          <p14:tracePt t="30733" x="7008813" y="3654425"/>
          <p14:tracePt t="30740" x="7018338" y="3654425"/>
          <p14:tracePt t="30754" x="7018338" y="3662363"/>
          <p14:tracePt t="30769" x="7018338" y="3671888"/>
          <p14:tracePt t="30776" x="7026275" y="3671888"/>
          <p14:tracePt t="30790" x="7034213" y="3679825"/>
          <p14:tracePt t="30803" x="7043738" y="3687763"/>
          <p14:tracePt t="30818" x="7043738" y="3697288"/>
          <p14:tracePt t="30824" x="7051675" y="3705225"/>
          <p14:tracePt t="30830" x="7051675" y="3713163"/>
          <p14:tracePt t="30837" x="7059613" y="3713163"/>
          <p14:tracePt t="30851" x="7069138" y="3722688"/>
          <p14:tracePt t="30858" x="7077075" y="3730625"/>
          <p14:tracePt t="30866" x="7085013" y="3730625"/>
          <p14:tracePt t="30872" x="7085013" y="3738563"/>
          <p14:tracePt t="30885" x="7094538" y="3748088"/>
          <p14:tracePt t="30893" x="7102475" y="3756025"/>
          <p14:tracePt t="30907" x="7112000" y="3763963"/>
          <p14:tracePt t="30913" x="7119938" y="3763963"/>
          <p14:tracePt t="30920" x="7127875" y="3773488"/>
          <p14:tracePt t="30935" x="7127875" y="3781425"/>
          <p14:tracePt t="30941" x="7137400" y="3781425"/>
          <p14:tracePt t="30950" x="7145338" y="3790950"/>
          <p14:tracePt t="30963" x="7153275" y="3790950"/>
          <p14:tracePt t="30969" x="7162800" y="3798888"/>
          <p14:tracePt t="30976" x="7170738" y="3798888"/>
          <p14:tracePt t="31000" x="7188200" y="3806825"/>
          <p14:tracePt t="31004" x="7188200" y="3816350"/>
          <p14:tracePt t="31010" x="7204075" y="3816350"/>
          <p14:tracePt t="31018" x="7213600" y="3824288"/>
          <p14:tracePt t="31024" x="7221538" y="3824288"/>
          <p14:tracePt t="31032" x="7239000" y="3824288"/>
          <p14:tracePt t="31038" x="7256463" y="3832225"/>
          <p14:tracePt t="31045" x="7256463" y="3841750"/>
          <p14:tracePt t="31052" x="7272338" y="3849688"/>
          <p14:tracePt t="31058" x="7281863" y="3849688"/>
          <p14:tracePt t="31066" x="7289800" y="3849688"/>
          <p14:tracePt t="31072" x="7315200" y="3857625"/>
          <p14:tracePt t="31080" x="7332663" y="3867150"/>
          <p14:tracePt t="31086" x="7358063" y="3875088"/>
          <p14:tracePt t="31093" x="7400925" y="3883025"/>
          <p14:tracePt t="31100" x="7434263" y="3892550"/>
          <p14:tracePt t="31107" x="7459663" y="3900488"/>
          <p14:tracePt t="31114" x="7485063" y="3908425"/>
          <p14:tracePt t="31121" x="7510463" y="3908425"/>
          <p14:tracePt t="31128" x="7535863" y="3917950"/>
          <p14:tracePt t="31135" x="7561263" y="3917950"/>
          <p14:tracePt t="31142" x="7578725" y="3917950"/>
          <p14:tracePt t="31149" x="7604125" y="3917950"/>
          <p14:tracePt t="31155" x="7629525" y="3917950"/>
          <p14:tracePt t="31162" x="7654925" y="3925888"/>
          <p14:tracePt t="31169" x="7662863" y="3925888"/>
          <p14:tracePt t="31176" x="7680325" y="3925888"/>
          <p14:tracePt t="31183" x="7688263" y="3925888"/>
          <p14:tracePt t="31190" x="7705725" y="3925888"/>
          <p14:tracePt t="31197" x="7715250" y="3925888"/>
          <p14:tracePt t="31211" x="7731125" y="3925888"/>
          <p14:tracePt t="31218" x="7740650" y="3925888"/>
          <p14:tracePt t="31234" x="7756525" y="3925888"/>
          <p14:tracePt t="31245" x="7766050" y="3925888"/>
          <p14:tracePt t="31252" x="7773988" y="3925888"/>
          <p14:tracePt t="31260" x="7781925" y="3925888"/>
          <p14:tracePt t="31269" x="7791450" y="3925888"/>
          <p14:tracePt t="31274" x="7799388" y="3925888"/>
          <p14:tracePt t="31282" x="7807325" y="3925888"/>
          <p14:tracePt t="31295" x="7816850" y="3925888"/>
          <p14:tracePt t="31303" x="7824788" y="3925888"/>
          <p14:tracePt t="31329" x="7832725" y="3925888"/>
          <p14:tracePt t="31343" x="7842250" y="3925888"/>
          <p14:tracePt t="31356" x="7850188" y="3925888"/>
          <p14:tracePt t="31370" x="7850188" y="3935413"/>
          <p14:tracePt t="31385" x="7850188" y="3943350"/>
          <p14:tracePt t="31433" x="7850188" y="3951288"/>
          <p14:tracePt t="31447" x="7859713" y="3951288"/>
          <p14:tracePt t="31453" x="7859713" y="3960813"/>
          <p14:tracePt t="31460" x="7867650" y="3960813"/>
          <p14:tracePt t="31468" x="7867650" y="3968750"/>
          <p14:tracePt t="31488" x="7875588" y="3968750"/>
          <p14:tracePt t="31495" x="7885113" y="3968750"/>
          <p14:tracePt t="31503" x="7893050" y="3976688"/>
          <p14:tracePt t="31516" x="7900988" y="3986213"/>
          <p14:tracePt t="31523" x="7910513" y="3986213"/>
          <p14:tracePt t="31529" x="7918450" y="3986213"/>
          <p14:tracePt t="31537" x="7926388" y="3986213"/>
          <p14:tracePt t="31543" x="7935913" y="3986213"/>
          <p14:tracePt t="31551" x="7943850" y="3994150"/>
          <p14:tracePt t="31557" x="7961313" y="3994150"/>
          <p14:tracePt t="31563" x="7961313" y="4002088"/>
          <p14:tracePt t="31570" x="7969250" y="4002088"/>
          <p14:tracePt t="31579" x="7977188" y="4002088"/>
          <p14:tracePt t="31587" x="7986713" y="4011613"/>
          <p14:tracePt t="31592" x="7994650" y="4011613"/>
          <p14:tracePt t="31601" x="8004175" y="4011613"/>
          <p14:tracePt t="31605" x="8012113" y="4011613"/>
          <p14:tracePt t="31612" x="8020050" y="4011613"/>
          <p14:tracePt t="31619" x="8029575" y="4011613"/>
          <p14:tracePt t="31626" x="8037513" y="4011613"/>
          <p14:tracePt t="31633" x="8045450" y="4011613"/>
          <p14:tracePt t="31640" x="8054975" y="4011613"/>
          <p14:tracePt t="31661" x="8062913" y="4019550"/>
          <p14:tracePt t="31668" x="8070850" y="4019550"/>
          <p14:tracePt t="31683" x="8080375" y="4019550"/>
          <p14:tracePt t="31688" x="8088313" y="4019550"/>
          <p14:tracePt t="31695" x="8096250" y="4019550"/>
          <p14:tracePt t="31702" x="8096250" y="4027488"/>
          <p14:tracePt t="31709" x="8113713" y="4027488"/>
          <p14:tracePt t="31716" x="8121650" y="4027488"/>
          <p14:tracePt t="31723" x="8131175" y="4027488"/>
          <p14:tracePt t="31730" x="8147050" y="4027488"/>
          <p14:tracePt t="31737" x="8189913" y="4044950"/>
          <p14:tracePt t="31744" x="8232775" y="4052888"/>
          <p14:tracePt t="31751" x="8291513" y="4062413"/>
          <p14:tracePt t="31758" x="8369300" y="4070350"/>
          <p14:tracePt t="31766" x="8428038" y="4079875"/>
          <p14:tracePt t="31772" x="8496300" y="4087813"/>
          <p14:tracePt t="31779" x="8572500" y="4087813"/>
          <p14:tracePt t="31786" x="8640763" y="4087813"/>
          <p14:tracePt t="31792" x="8683625" y="4087813"/>
          <p14:tracePt t="31799" x="8716963" y="4087813"/>
          <p14:tracePt t="31806" x="8750300" y="4087813"/>
          <p14:tracePt t="31813" x="8777288" y="4087813"/>
          <p14:tracePt t="31820" x="8793163" y="4087813"/>
          <p14:tracePt t="31827" x="8818563" y="4079875"/>
          <p14:tracePt t="31834" x="8843963" y="4079875"/>
          <p14:tracePt t="31841" x="8878888" y="4062413"/>
          <p14:tracePt t="31850" x="8904288" y="4052888"/>
          <p14:tracePt t="31854" x="8929688" y="4052888"/>
          <p14:tracePt t="31862" x="8955088" y="4044950"/>
          <p14:tracePt t="31869" x="8988425" y="4037013"/>
          <p14:tracePt t="31875" x="9013825" y="4027488"/>
          <p14:tracePt t="31882" x="9048750" y="4011613"/>
          <p14:tracePt t="31889" x="9064625" y="4002088"/>
          <p14:tracePt t="31896" x="9099550" y="3994150"/>
          <p14:tracePt t="31902" x="9117013" y="3994150"/>
          <p14:tracePt t="31909" x="9132888" y="3986213"/>
          <p14:tracePt t="31917" x="9142413" y="3976688"/>
          <p14:tracePt t="31923" x="9158288" y="3976688"/>
          <p14:tracePt t="31933" x="9167813" y="3976688"/>
          <p14:tracePt t="31944" x="9183688" y="3968750"/>
          <p14:tracePt t="31951" x="9193213" y="3968750"/>
          <p14:tracePt t="31965" x="9201150" y="3960813"/>
          <p14:tracePt t="31972" x="9209088" y="3960813"/>
          <p14:tracePt t="31979" x="9218613" y="3951288"/>
          <p14:tracePt t="31986" x="9226550" y="3951288"/>
          <p14:tracePt t="32001" x="9236075" y="3951288"/>
          <p14:tracePt t="32007" x="9244013" y="3951288"/>
          <p14:tracePt t="32014" x="9244013" y="3943350"/>
          <p14:tracePt t="32021" x="9251950" y="3943350"/>
          <p14:tracePt t="32027" x="9251950" y="3935413"/>
          <p14:tracePt t="32034" x="9261475" y="3935413"/>
          <p14:tracePt t="32042" x="9269413" y="3935413"/>
          <p14:tracePt t="32049" x="9277350" y="3935413"/>
          <p14:tracePt t="32062" x="9277350" y="3925888"/>
          <p14:tracePt t="32069" x="9286875" y="3925888"/>
          <p14:tracePt t="32076" x="9294813" y="3917950"/>
          <p14:tracePt t="32090" x="9302750" y="3908425"/>
          <p14:tracePt t="32097" x="9312275" y="3908425"/>
          <p14:tracePt t="32103" x="9320213" y="3908425"/>
          <p14:tracePt t="32132" x="9328150" y="3908425"/>
          <p14:tracePt t="32145" x="9337675" y="3908425"/>
          <p14:tracePt t="32180" x="9345613" y="3908425"/>
          <p14:tracePt t="32243" x="9345613" y="3917950"/>
          <p14:tracePt t="32257" x="9345613" y="3925888"/>
          <p14:tracePt t="32271" x="9337675" y="3925888"/>
          <p14:tracePt t="32277" x="9328150" y="3935413"/>
          <p14:tracePt t="32286" x="9328150" y="3943350"/>
          <p14:tracePt t="32290" x="9320213" y="3943350"/>
          <p14:tracePt t="32297" x="9312275" y="3951288"/>
          <p14:tracePt t="32304" x="9302750" y="3960813"/>
          <p14:tracePt t="32312" x="9302750" y="3968750"/>
          <p14:tracePt t="32321" x="9294813" y="3976688"/>
          <p14:tracePt t="32326" x="9286875" y="3986213"/>
          <p14:tracePt t="32333" x="9286875" y="3994150"/>
          <p14:tracePt t="32339" x="9269413" y="4002088"/>
          <p14:tracePt t="32346" x="9261475" y="4011613"/>
          <p14:tracePt t="32352" x="9251950" y="4019550"/>
          <p14:tracePt t="32359" x="9244013" y="4027488"/>
          <p14:tracePt t="32366" x="9218613" y="4052888"/>
          <p14:tracePt t="32373" x="9201150" y="4070350"/>
          <p14:tracePt t="32381" x="9183688" y="4087813"/>
          <p14:tracePt t="32387" x="9167813" y="4105275"/>
          <p14:tracePt t="32394" x="9132888" y="4146550"/>
          <p14:tracePt t="32401" x="9091613" y="4206875"/>
          <p14:tracePt t="32408" x="9039225" y="4275138"/>
          <p14:tracePt t="32415" x="8955088" y="4368800"/>
          <p14:tracePt t="32422" x="8878888" y="4470400"/>
          <p14:tracePt t="32429" x="8793163" y="4564063"/>
          <p14:tracePt t="32435" x="8716963" y="4657725"/>
          <p14:tracePt t="32443" x="8623300" y="4741863"/>
          <p14:tracePt t="32449" x="8539163" y="4818063"/>
          <p14:tracePt t="32456" x="8488363" y="4868863"/>
          <p14:tracePt t="32463" x="8420100" y="4929188"/>
          <p14:tracePt t="32470" x="8385175" y="4979988"/>
          <p14:tracePt t="32477" x="8334375" y="5022850"/>
          <p14:tracePt t="32485" x="8291513" y="5056188"/>
          <p14:tracePt t="32491" x="8266113" y="5091113"/>
          <p14:tracePt t="32499" x="8250238" y="5116513"/>
          <p14:tracePt t="32505" x="8224838" y="5132388"/>
          <p14:tracePt t="32512" x="8207375" y="5149850"/>
          <p14:tracePt t="32518" x="8199438" y="5167313"/>
          <p14:tracePt t="32526" x="8189913" y="5175250"/>
          <p14:tracePt t="32533" x="8181975" y="5183188"/>
          <p14:tracePt t="32539" x="8174038" y="5200650"/>
          <p14:tracePt t="32567" x="8164513" y="5208588"/>
          <p14:tracePt t="32574" x="8156575" y="5208588"/>
          <p14:tracePt t="32582" x="8156575" y="5218113"/>
          <p14:tracePt t="32588" x="8147050" y="5218113"/>
          <p14:tracePt t="32616" x="8139113" y="5218113"/>
          <p14:tracePt t="32629" x="8131175" y="5218113"/>
          <p14:tracePt t="32643" x="8131175" y="5208588"/>
          <p14:tracePt t="32665" x="8131175" y="5200650"/>
          <p14:tracePt t="32670" x="8131175" y="5192713"/>
          <p14:tracePt t="32685" x="8131175" y="5175250"/>
          <p14:tracePt t="32692" x="8131175" y="5149850"/>
          <p14:tracePt t="32699" x="8131175" y="5124450"/>
          <p14:tracePt t="32705" x="8131175" y="5091113"/>
          <p14:tracePt t="32713" x="8131175" y="5064125"/>
          <p14:tracePt t="32719" x="8131175" y="5030788"/>
          <p14:tracePt t="32726" x="8131175" y="5022850"/>
          <p14:tracePt t="32733" x="8131175" y="5005388"/>
          <p14:tracePt t="32741" x="8131175" y="4997450"/>
          <p14:tracePt t="32752" x="8131175" y="4979988"/>
          <p14:tracePt t="32761" x="8131175" y="4972050"/>
          <p14:tracePt t="32768" x="8131175" y="4962525"/>
          <p14:tracePt t="32775" x="8131175" y="4954588"/>
          <p14:tracePt t="32782" x="8131175" y="4946650"/>
          <p14:tracePt t="32796" x="8131175" y="4929188"/>
          <p14:tracePt t="32802" x="8131175" y="4919663"/>
          <p14:tracePt t="32816" x="8131175" y="4903788"/>
          <p14:tracePt t="32823" x="8131175" y="4894263"/>
          <p14:tracePt t="32837" x="8113713" y="4868863"/>
          <p14:tracePt t="32844" x="8105775" y="4843463"/>
          <p14:tracePt t="32851" x="8088313" y="4827588"/>
          <p14:tracePt t="32858" x="8070850" y="4810125"/>
          <p14:tracePt t="32865" x="8062913" y="4784725"/>
          <p14:tracePt t="32871" x="8045450" y="4767263"/>
          <p14:tracePt t="32879" x="8037513" y="4759325"/>
          <p14:tracePt t="32885" x="8020050" y="4741863"/>
          <p14:tracePt t="32892" x="8012113" y="4733925"/>
          <p14:tracePt t="32899" x="8004175" y="4724400"/>
          <p14:tracePt t="32906" x="7994650" y="4716463"/>
          <p14:tracePt t="32912" x="7986713" y="4708525"/>
          <p14:tracePt t="32919" x="7986713" y="4699000"/>
          <p14:tracePt t="32927" x="7977188" y="4699000"/>
          <p14:tracePt t="32934" x="7969250" y="4691063"/>
          <p14:tracePt t="32949" x="7969250" y="4683125"/>
          <p14:tracePt t="32954" x="7961313" y="4683125"/>
          <p14:tracePt t="32976" x="7951788" y="4673600"/>
          <p14:tracePt t="32999" x="7943850" y="4665663"/>
          <p14:tracePt t="33024" x="7935913" y="4665663"/>
          <p14:tracePt t="33037" x="7926388" y="4665663"/>
          <p14:tracePt t="33344" x="7926388" y="4673600"/>
          <p14:tracePt t="33897" x="7918450" y="4673600"/>
          <p14:tracePt t="33917" x="7910513" y="4673600"/>
          <p14:tracePt t="33924" x="7910513" y="4665663"/>
          <p14:tracePt t="33931" x="7900988" y="4665663"/>
          <p14:tracePt t="33937" x="7900988" y="4657725"/>
          <p14:tracePt t="33972" x="7900988" y="4648200"/>
          <p14:tracePt t="33986" x="7900988" y="4640263"/>
          <p14:tracePt t="33992" x="7893050" y="4640263"/>
          <p14:tracePt t="34706" x="7893050" y="4630738"/>
          <p14:tracePt t="34727" x="7893050" y="4622800"/>
          <p14:tracePt t="34775" x="7893050" y="4614863"/>
          <p14:tracePt t="34796" x="7885113" y="4614863"/>
          <p14:tracePt t="34810" x="7885113" y="4605338"/>
          <p14:tracePt t="34843" x="7885113" y="4597400"/>
          <p14:tracePt t="34864" x="7875588" y="4597400"/>
          <p14:tracePt t="34877" x="7875588" y="4589463"/>
          <p14:tracePt t="34912" x="7867650" y="4579938"/>
          <p14:tracePt t="34934" x="7867650" y="4572000"/>
          <p14:tracePt t="34982" x="7859713" y="4564063"/>
          <p14:tracePt t="35009" x="7859713" y="4554538"/>
          <p14:tracePt t="35016" x="7850188" y="4554538"/>
          <p14:tracePt t="35043" x="7842250" y="4554538"/>
          <p14:tracePt t="35057" x="7842250" y="4546600"/>
          <p14:tracePt t="35080" x="7842250" y="4538663"/>
          <p14:tracePt t="35087" x="7832725" y="4538663"/>
          <p14:tracePt t="35094" x="7832725" y="4529138"/>
          <p14:tracePt t="35101" x="7824788" y="4529138"/>
          <p14:tracePt t="35119" x="7824788" y="4521200"/>
          <p14:tracePt t="35127" x="7816850" y="4513263"/>
          <p14:tracePt t="35133" x="7807325" y="4513263"/>
          <p14:tracePt t="35141" x="7807325" y="4503738"/>
          <p14:tracePt t="35148" x="7799388" y="4503738"/>
          <p14:tracePt t="35154" x="7799388" y="4486275"/>
          <p14:tracePt t="35162" x="7791450" y="4486275"/>
          <p14:tracePt t="35170" x="7781925" y="4478338"/>
          <p14:tracePt t="35177" x="7773988" y="4460875"/>
          <p14:tracePt t="35185" x="7766050" y="4460875"/>
          <p14:tracePt t="35192" x="7756525" y="4452938"/>
          <p14:tracePt t="35196" x="7748588" y="4435475"/>
          <p14:tracePt t="35204" x="7740650" y="4435475"/>
          <p14:tracePt t="35209" x="7731125" y="4427538"/>
          <p14:tracePt t="35217" x="7723188" y="4410075"/>
          <p14:tracePt t="35237" x="7715250" y="4402138"/>
          <p14:tracePt t="35239" x="7705725" y="4394200"/>
          <p14:tracePt t="35246" x="7705725" y="4384675"/>
          <p14:tracePt t="35253" x="7697788" y="4384675"/>
          <p14:tracePt t="35259" x="7688263" y="4376738"/>
          <p14:tracePt t="35266" x="7680325" y="4368800"/>
          <p14:tracePt t="35279" x="7672388" y="4368800"/>
          <p14:tracePt t="35286" x="7662863" y="4359275"/>
          <p14:tracePt t="35293" x="7662863" y="4351338"/>
          <p14:tracePt t="35300" x="7654925" y="4351338"/>
          <p14:tracePt t="35307" x="7646988" y="4341813"/>
          <p14:tracePt t="35317" x="7646988" y="4333875"/>
          <p14:tracePt t="35320" x="7637463" y="4325938"/>
          <p14:tracePt t="35336" x="7629525" y="4325938"/>
          <p14:tracePt t="35341" x="7621588" y="4316413"/>
          <p14:tracePt t="35348" x="7612063" y="4308475"/>
          <p14:tracePt t="35355" x="7604125" y="4300538"/>
          <p14:tracePt t="35362" x="7596188" y="4300538"/>
          <p14:tracePt t="35368" x="7596188" y="4291013"/>
          <p14:tracePt t="35375" x="7578725" y="4283075"/>
          <p14:tracePt t="35383" x="7570788" y="4283075"/>
          <p14:tracePt t="35389" x="7561263" y="4275138"/>
          <p14:tracePt t="35397" x="7545388" y="4265613"/>
          <p14:tracePt t="35403" x="7518400" y="4249738"/>
          <p14:tracePt t="35411" x="7502525" y="4232275"/>
          <p14:tracePt t="35417" x="7485063" y="4214813"/>
          <p14:tracePt t="35425" x="7451725" y="4197350"/>
          <p14:tracePt t="35432" x="7408863" y="4171950"/>
          <p14:tracePt t="35438" x="7373938" y="4156075"/>
          <p14:tracePt t="35445" x="7340600" y="4138613"/>
          <p14:tracePt t="35452" x="7315200" y="4121150"/>
          <p14:tracePt t="35459" x="7281863" y="4113213"/>
          <p14:tracePt t="35466" x="7246938" y="4095750"/>
          <p14:tracePt t="35473" x="7229475" y="4087813"/>
          <p14:tracePt t="35479" x="7204075" y="4079875"/>
          <p14:tracePt t="35486" x="7188200" y="4070350"/>
          <p14:tracePt t="35493" x="7162800" y="4062413"/>
          <p14:tracePt t="35500" x="7153275" y="4062413"/>
          <p14:tracePt t="35507" x="7145338" y="4052888"/>
          <p14:tracePt t="35514" x="7127875" y="4052888"/>
          <p14:tracePt t="35521" x="7119938" y="4044950"/>
          <p14:tracePt t="35528" x="7112000" y="4037013"/>
          <p14:tracePt t="35535" x="7094538" y="4027488"/>
          <p14:tracePt t="35542" x="7085013" y="4027488"/>
          <p14:tracePt t="35549" x="7069138" y="4019550"/>
          <p14:tracePt t="35556" x="7051675" y="4011613"/>
          <p14:tracePt t="35563" x="7043738" y="4011613"/>
          <p14:tracePt t="35569" x="7018338" y="4002088"/>
          <p14:tracePt t="35576" x="6992938" y="3994150"/>
          <p14:tracePt t="35583" x="6967538" y="3986213"/>
          <p14:tracePt t="35590" x="6950075" y="3976688"/>
          <p14:tracePt t="35598" x="6924675" y="3968750"/>
          <p14:tracePt t="35604" x="6899275" y="3960813"/>
          <p14:tracePt t="35611" x="6864350" y="3951288"/>
          <p14:tracePt t="35618" x="6848475" y="3943350"/>
          <p14:tracePt t="35625" x="6823075" y="3935413"/>
          <p14:tracePt t="35632" x="6788150" y="3925888"/>
          <p14:tracePt t="35638" x="6754813" y="3917950"/>
          <p14:tracePt t="35646" x="6719888" y="3900488"/>
          <p14:tracePt t="35653" x="6686550" y="3892550"/>
          <p14:tracePt t="35660" x="6653213" y="3883025"/>
          <p14:tracePt t="35668" x="6618288" y="3875088"/>
          <p14:tracePt t="35673" x="6592888" y="3867150"/>
          <p14:tracePt t="35681" x="6559550" y="3857625"/>
          <p14:tracePt t="35687" x="6524625" y="3849688"/>
          <p14:tracePt t="35694" x="6499225" y="3849688"/>
          <p14:tracePt t="35701" x="6473825" y="3841750"/>
          <p14:tracePt t="35708" x="6456363" y="3832225"/>
          <p14:tracePt t="35715" x="6440488" y="3832225"/>
          <p14:tracePt t="35721" x="6430963" y="3832225"/>
          <p14:tracePt t="35736" x="6430963" y="3841750"/>
          <p14:tracePt t="35998" x="6219825" y="3790950"/>
          <p14:tracePt t="36005" x="5895975" y="3687763"/>
          <p14:tracePt t="36013" x="5641975" y="3619500"/>
          <p14:tracePt t="36019" x="5429250" y="3527425"/>
          <p14:tracePt t="36026" x="5224463" y="3467100"/>
          <p14:tracePt t="36033" x="5046663" y="3416300"/>
          <p14:tracePt t="36040" x="4894263" y="3365500"/>
          <p14:tracePt t="36049" x="4765675" y="3322638"/>
          <p14:tracePt t="36053" x="4630738" y="3271838"/>
          <p14:tracePt t="36060" x="4529138" y="3238500"/>
          <p14:tracePt t="36069" x="4425950" y="3211513"/>
          <p14:tracePt t="36076" x="4367213" y="3186113"/>
          <p14:tracePt t="36084" x="4291013" y="3160713"/>
          <p14:tracePt t="36092" x="4248150" y="3152775"/>
          <p14:tracePt t="36095" x="4222750" y="3144838"/>
          <p14:tracePt t="36102" x="4187825" y="3135313"/>
          <p14:tracePt t="36109" x="4179888" y="3135313"/>
          <p14:tracePt t="36117" x="4171950" y="3127375"/>
          <p14:tracePt t="36130" x="4162425" y="3119438"/>
          <p14:tracePt t="36193" x="4171950" y="3119438"/>
          <p14:tracePt t="36200" x="4171950" y="3127375"/>
          <p14:tracePt t="36215" x="4171950" y="3135313"/>
          <p14:tracePt t="36247" x="4171950" y="3144838"/>
          <p14:tracePt t="36261" x="4171950" y="3152775"/>
          <p14:tracePt t="36275" x="4171950" y="3160713"/>
          <p14:tracePt t="36310" x="4171950" y="3170238"/>
          <p14:tracePt t="36567" x="4179888" y="3170238"/>
          <p14:tracePt t="36656" x="4187825" y="3170238"/>
          <p14:tracePt t="36780" x="4197350" y="3160713"/>
          <p14:tracePt t="36802" x="4197350" y="3152775"/>
          <p14:tracePt t="36817" x="4205288" y="3144838"/>
          <p14:tracePt t="36829" x="4214813" y="3144838"/>
          <p14:tracePt t="36850" x="4214813" y="3135313"/>
          <p14:tracePt t="36864" x="4222750" y="3127375"/>
          <p14:tracePt t="36878" x="4230688" y="3119438"/>
          <p14:tracePt t="36884" x="4230688" y="3109913"/>
          <p14:tracePt t="36898" x="4240213" y="3101975"/>
          <p14:tracePt t="36905" x="4248150" y="3094038"/>
          <p14:tracePt t="36912" x="4248150" y="3084513"/>
          <p14:tracePt t="36926" x="4256088" y="3076575"/>
          <p14:tracePt t="36932" x="4256088" y="3067050"/>
          <p14:tracePt t="36953" x="4256088" y="3059113"/>
          <p14:tracePt t="36960" x="4256088" y="3051175"/>
          <p14:tracePt t="36967" x="4256088" y="3041650"/>
          <p14:tracePt t="36997" x="4256088" y="3033713"/>
          <p14:tracePt t="37009" x="4256088" y="3025775"/>
          <p14:tracePt t="37043" x="4256088" y="3016250"/>
          <p14:tracePt t="37078" x="4256088" y="3008313"/>
          <p14:tracePt t="37105" x="4256088" y="3000375"/>
          <p14:tracePt t="37217" x="4256088" y="2990850"/>
          <p14:tracePt t="37237" x="4256088" y="2982913"/>
          <p14:tracePt t="37272" x="4256088" y="2974975"/>
          <p14:tracePt t="37285" x="4256088" y="2965450"/>
          <p14:tracePt t="37300" x="4256088" y="2957513"/>
          <p14:tracePt t="37327" x="4256088" y="2949575"/>
          <p14:tracePt t="37334" x="4256088" y="2940050"/>
          <p14:tracePt t="37348" x="4256088" y="2932113"/>
          <p14:tracePt t="37355" x="4256088" y="2922588"/>
          <p14:tracePt t="37362" x="4256088" y="2914650"/>
          <p14:tracePt t="37383" x="4256088" y="2906713"/>
          <p14:tracePt t="37388" x="4256088" y="2897188"/>
          <p14:tracePt t="37403" x="4256088" y="2889250"/>
          <p14:tracePt t="37410" x="4265613" y="2881313"/>
          <p14:tracePt t="37416" x="4265613" y="2871788"/>
          <p14:tracePt t="37437" x="4273550" y="2863850"/>
          <p14:tracePt t="37444" x="4273550" y="2855913"/>
          <p14:tracePt t="37458" x="4273550" y="2846388"/>
          <p14:tracePt t="37465" x="4273550" y="2838450"/>
          <p14:tracePt t="37493" x="4273550" y="2830513"/>
          <p14:tracePt t="37506" x="4273550" y="2820988"/>
          <p14:tracePt t="37520" x="4273550" y="2813050"/>
          <p14:tracePt t="37555" x="4273550" y="2805113"/>
          <p14:tracePt t="37569" x="4273550" y="2795588"/>
          <p14:tracePt t="37624" x="4273550" y="2805113"/>
          <p14:tracePt t="37631" x="4273550" y="2813050"/>
          <p14:tracePt t="37637" x="4281488" y="2846388"/>
          <p14:tracePt t="37645" x="4291013" y="2906713"/>
          <p14:tracePt t="37650" x="4291013" y="2855913"/>
          <p14:tracePt t="49530" x="4273550" y="2855913"/>
          <p14:tracePt t="49537" x="4248150" y="2871788"/>
          <p14:tracePt t="49544" x="4240213" y="2889250"/>
          <p14:tracePt t="49550" x="4222750" y="2897188"/>
          <p14:tracePt t="49558" x="4205288" y="2914650"/>
          <p14:tracePt t="49565" x="4187825" y="2932113"/>
          <p14:tracePt t="49571" x="4162425" y="2957513"/>
          <p14:tracePt t="49578" x="4154488" y="2974975"/>
          <p14:tracePt t="49584" x="4129088" y="3000375"/>
          <p14:tracePt t="49593" x="4103688" y="3016250"/>
          <p14:tracePt t="49598" x="4078288" y="3041650"/>
          <p14:tracePt t="49605" x="4044950" y="3084513"/>
          <p14:tracePt t="49613" x="4017963" y="3109913"/>
          <p14:tracePt t="49619" x="3976688" y="3144838"/>
          <p14:tracePt t="49626" x="3941763" y="3186113"/>
          <p14:tracePt t="49633" x="3916363" y="3211513"/>
          <p14:tracePt t="49640" x="3883025" y="3228975"/>
          <p14:tracePt t="49647" x="3840163" y="3246438"/>
          <p14:tracePt t="49654" x="3797300" y="3263900"/>
          <p14:tracePt t="49661" x="3763963" y="3279775"/>
          <p14:tracePt t="49668" x="3738563" y="3297238"/>
          <p14:tracePt t="49675" x="3703638" y="3314700"/>
          <p14:tracePt t="49682" x="3678238" y="3322638"/>
          <p14:tracePt t="49689" x="3652838" y="3340100"/>
          <p14:tracePt t="49697" x="3636963" y="3348038"/>
          <p14:tracePt t="49702" x="3611563" y="3365500"/>
          <p14:tracePt t="49710" x="3586163" y="3365500"/>
          <p14:tracePt t="49716" x="3559175" y="3382963"/>
          <p14:tracePt t="49723" x="3525838" y="3390900"/>
          <p14:tracePt t="49730" x="3500438" y="3398838"/>
          <p14:tracePt t="49737" x="3449638" y="3408363"/>
          <p14:tracePt t="49743" x="3406775" y="3416300"/>
          <p14:tracePt t="49750" x="3373438" y="3424238"/>
          <p14:tracePt t="49758" x="3330575" y="3424238"/>
          <p14:tracePt t="49764" x="3297238" y="3433763"/>
          <p14:tracePt t="49772" x="3244850" y="3441700"/>
          <p14:tracePt t="49779" x="3203575" y="3441700"/>
          <p14:tracePt t="49785" x="3160713" y="3459163"/>
          <p14:tracePt t="49793" x="3127375" y="3459163"/>
          <p14:tracePt t="49799" x="3084513" y="3459163"/>
          <p14:tracePt t="49807" x="3041650" y="3467100"/>
          <p14:tracePt t="49813" x="2990850" y="3467100"/>
          <p14:tracePt t="49820" x="2947988" y="3475038"/>
          <p14:tracePt t="49827" x="2889250" y="3475038"/>
          <p14:tracePt t="49834" x="2846388" y="3475038"/>
          <p14:tracePt t="49841" x="2803525" y="3475038"/>
          <p14:tracePt t="49848" x="2760663" y="3475038"/>
          <p14:tracePt t="49855" x="2719388" y="3475038"/>
          <p14:tracePt t="49861" x="2668588" y="3484563"/>
          <p14:tracePt t="49868" x="2633663" y="3484563"/>
          <p14:tracePt t="49876" x="2600325" y="3484563"/>
          <p14:tracePt t="49883" x="2549525" y="3484563"/>
          <p14:tracePt t="49889" x="2506663" y="3484563"/>
          <p14:tracePt t="49896" x="2471738" y="3484563"/>
          <p14:tracePt t="49903" x="2430463" y="3492500"/>
          <p14:tracePt t="49910" x="2405063" y="3492500"/>
          <p14:tracePt t="49917" x="2379663" y="3492500"/>
          <p14:tracePt t="49924" x="2352675" y="3492500"/>
          <p14:tracePt t="49931" x="2336800" y="3492500"/>
          <p14:tracePt t="49938" x="2319338" y="3492500"/>
          <p14:tracePt t="49945" x="2293938" y="3492500"/>
          <p14:tracePt t="49951" x="2286000" y="3492500"/>
          <p14:tracePt t="49960" x="2268538" y="3492500"/>
          <p14:tracePt t="49966" x="2260600" y="3492500"/>
          <p14:tracePt t="49973" x="2243138" y="3492500"/>
          <p14:tracePt t="49979" x="2235200" y="3492500"/>
          <p14:tracePt t="49986" x="2225675" y="3492500"/>
          <p14:tracePt t="49996" x="2217738" y="3492500"/>
          <p14:tracePt t="50000" x="2208213" y="3492500"/>
          <p14:tracePt t="50007" x="2200275" y="3484563"/>
          <p14:tracePt t="50028" x="2192338" y="3484563"/>
          <p14:tracePt t="50035" x="2182813" y="3475038"/>
          <p14:tracePt t="50049" x="2174875" y="3475038"/>
          <p14:tracePt t="50055" x="2166938" y="3467100"/>
          <p14:tracePt t="50068" x="2166938" y="3459163"/>
          <p14:tracePt t="50077" x="2157413" y="3459163"/>
          <p14:tracePt t="50083" x="2149475" y="3459163"/>
          <p14:tracePt t="50089" x="2141538" y="3449638"/>
          <p14:tracePt t="50097" x="2141538" y="3441700"/>
          <p14:tracePt t="50104" x="2132013" y="3441700"/>
          <p14:tracePt t="50117" x="2132013" y="3433763"/>
          <p14:tracePt t="50124" x="2124075" y="3424238"/>
          <p14:tracePt t="50152" x="2116138" y="3416300"/>
          <p14:tracePt t="50173" x="2116138" y="3408363"/>
          <p14:tracePt t="50187" x="2116138" y="3398838"/>
          <p14:tracePt t="50208" x="2106613" y="3398838"/>
          <p14:tracePt t="50222" x="2098675" y="3398838"/>
          <p14:tracePt t="50263" x="2090738" y="3398838"/>
          <p14:tracePt t="50277" x="2081213" y="3398838"/>
          <p14:tracePt t="50305" x="2065338" y="3390900"/>
          <p14:tracePt t="50311" x="2047875" y="3390900"/>
          <p14:tracePt t="50318" x="2022475" y="3382963"/>
          <p14:tracePt t="50326" x="1987550" y="3373438"/>
          <p14:tracePt t="50332" x="1936750" y="3365500"/>
          <p14:tracePt t="50339" x="1893888" y="3348038"/>
          <p14:tracePt t="50345" x="1835150" y="3330575"/>
          <p14:tracePt t="50352" x="1784350" y="3314700"/>
          <p14:tracePt t="50360" x="1741488" y="3305175"/>
          <p14:tracePt t="50366" x="1690688" y="3297238"/>
          <p14:tracePt t="50374" x="1657350" y="3279775"/>
          <p14:tracePt t="50380" x="1622425" y="3271838"/>
          <p14:tracePt t="50388" x="1589088" y="3263900"/>
          <p14:tracePt t="50395" x="1571625" y="3263900"/>
          <p14:tracePt t="50401" x="1554163" y="3263900"/>
          <p14:tracePt t="50410" x="1538288" y="3263900"/>
          <p14:tracePt t="50415" x="1528763" y="3263900"/>
          <p14:tracePt t="50422" x="1520825" y="3263900"/>
          <p14:tracePt t="50429" x="1512888" y="3263900"/>
          <p14:tracePt t="50443" x="1503363" y="3263900"/>
          <p14:tracePt t="50464" x="1495425" y="3263900"/>
          <p14:tracePt t="50728" x="1487488" y="3254375"/>
          <p14:tracePt t="50748" x="1477963" y="3254375"/>
          <p14:tracePt t="50754" x="1477963" y="3246438"/>
          <p14:tracePt t="50760" x="1470025" y="3246438"/>
          <p14:tracePt t="50775" x="1470025" y="3238500"/>
          <p14:tracePt t="50789" x="1462088" y="3228975"/>
          <p14:tracePt t="50809" x="1452563" y="3228975"/>
          <p14:tracePt t="50851" x="1462088" y="3228975"/>
          <p14:tracePt t="50864" x="1470025" y="3228975"/>
          <p14:tracePt t="50871" x="1477963" y="3228975"/>
          <p14:tracePt t="55984" x="1477963" y="3203575"/>
          <p14:tracePt t="55991" x="1470025" y="3186113"/>
          <p14:tracePt t="55997" x="1462088" y="3160713"/>
          <p14:tracePt t="56004" x="1462088" y="3127375"/>
          <p14:tracePt t="56011" x="1452563" y="3094038"/>
          <p14:tracePt t="56018" x="1444625" y="3051175"/>
          <p14:tracePt t="56025" x="1435100" y="3000375"/>
          <p14:tracePt t="56032" x="1427163" y="2974975"/>
          <p14:tracePt t="56038" x="1419225" y="2940050"/>
          <p14:tracePt t="56046" x="1409700" y="2906713"/>
          <p14:tracePt t="56052" x="1409700" y="2871788"/>
          <p14:tracePt t="56060" x="1401763" y="2838450"/>
          <p14:tracePt t="56067" x="1401763" y="2813050"/>
          <p14:tracePt t="56075" x="1393825" y="2778125"/>
          <p14:tracePt t="56080" x="1393825" y="2752725"/>
          <p14:tracePt t="56088" x="1393825" y="2727325"/>
          <p14:tracePt t="56095" x="1393825" y="2719388"/>
          <p14:tracePt t="56102" x="1393825" y="2693988"/>
          <p14:tracePt t="56109" x="1384300" y="2676525"/>
          <p14:tracePt t="56122" x="1384300" y="2660650"/>
          <p14:tracePt t="56129" x="1384300" y="2651125"/>
          <p14:tracePt t="56137" x="1384300" y="2625725"/>
          <p14:tracePt t="56143" x="1384300" y="2608263"/>
          <p14:tracePt t="56150" x="1384300" y="2600325"/>
          <p14:tracePt t="56158" x="1384300" y="2574925"/>
          <p14:tracePt t="56164" x="1384300" y="2557463"/>
          <p14:tracePt t="56177" x="1384300" y="2541588"/>
          <p14:tracePt t="56185" x="1384300" y="2532063"/>
          <p14:tracePt t="56192" x="1384300" y="2516188"/>
          <p14:tracePt t="56199" x="1393825" y="2498725"/>
          <p14:tracePt t="56206" x="1393825" y="2489200"/>
          <p14:tracePt t="56212" x="1393825" y="2481263"/>
          <p14:tracePt t="56219" x="1401763" y="2463800"/>
          <p14:tracePt t="56226" x="1401763" y="2455863"/>
          <p14:tracePt t="56233" x="1401763" y="2430463"/>
          <p14:tracePt t="56242" x="1409700" y="2413000"/>
          <p14:tracePt t="56247" x="1409700" y="2405063"/>
          <p14:tracePt t="56254" x="1409700" y="2387600"/>
          <p14:tracePt t="56261" x="1409700" y="2379663"/>
          <p14:tracePt t="56268" x="1409700" y="2362200"/>
          <p14:tracePt t="56275" x="1409700" y="2336800"/>
          <p14:tracePt t="56281" x="1409700" y="2328863"/>
          <p14:tracePt t="56288" x="1409700" y="2311400"/>
          <p14:tracePt t="56295" x="1409700" y="2293938"/>
          <p14:tracePt t="56309" x="1409700" y="2278063"/>
          <p14:tracePt t="56315" x="1409700" y="2268538"/>
          <p14:tracePt t="56329" x="1409700" y="2252663"/>
          <p14:tracePt t="56343" x="1409700" y="2243138"/>
          <p14:tracePt t="56358" x="1409700" y="2235200"/>
          <p14:tracePt t="56385" x="1419225" y="2235200"/>
          <p14:tracePt t="56392" x="1419225" y="2252663"/>
          <p14:tracePt t="56399" x="1427163" y="2278063"/>
          <p14:tracePt t="56407" x="1427163" y="2293938"/>
          <p14:tracePt t="56412" x="1427163" y="2286000"/>
          <p14:tracePt t="56579" x="1282700" y="1963738"/>
          <p14:tracePt t="56586" x="950913" y="1368425"/>
          <p14:tracePt t="56592" x="636588" y="884238"/>
          <p14:tracePt t="56599" x="339725" y="501650"/>
          <p14:tracePt t="56608" x="68263" y="177800"/>
        </p14:tracePtLst>
      </p14:laserTraceLst>
    </p:ext>
  </p:extLs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ED1F80C-BE83-4C20-ABBB-255B958C7FA5}"/>
              </a:ext>
            </a:extLst>
          </p:cNvPr>
          <p:cNvSpPr>
            <a:spLocks noGrp="1"/>
          </p:cNvSpPr>
          <p:nvPr>
            <p:ph type="title"/>
          </p:nvPr>
        </p:nvSpPr>
        <p:spPr>
          <a:xfrm>
            <a:off x="982638" y="426127"/>
            <a:ext cx="10104462" cy="972716"/>
          </a:xfrm>
        </p:spPr>
        <p:txBody>
          <a:bodyPr/>
          <a:lstStyle/>
          <a:p>
            <a:r>
              <a:rPr lang="en-US" dirty="0"/>
              <a:t>Theory and model</a:t>
            </a:r>
            <a:endParaRPr lang="en-DK" dirty="0"/>
          </a:p>
        </p:txBody>
      </p:sp>
      <mc:AlternateContent xmlns:mc="http://schemas.openxmlformats.org/markup-compatibility/2006" xmlns:a14="http://schemas.microsoft.com/office/drawing/2010/main">
        <mc:Choice Requires="a14">
          <p:sp>
            <p:nvSpPr>
              <p:cNvPr id="3" name="Content Placeholder 2">
                <a:extLst>
                  <a:ext uri="{FF2B5EF4-FFF2-40B4-BE49-F238E27FC236}">
                    <a16:creationId xmlns:a16="http://schemas.microsoft.com/office/drawing/2014/main" id="{C7467D07-4B99-4480-AD10-8D347CD5D756}"/>
                  </a:ext>
                </a:extLst>
              </p:cNvPr>
              <p:cNvSpPr>
                <a:spLocks noGrp="1"/>
              </p:cNvSpPr>
              <p:nvPr>
                <p:ph idx="1"/>
              </p:nvPr>
            </p:nvSpPr>
            <p:spPr>
              <a:xfrm>
                <a:off x="982638" y="1706328"/>
                <a:ext cx="10104462" cy="4545578"/>
              </a:xfrm>
            </p:spPr>
            <p:txBody>
              <a:bodyPr/>
              <a:lstStyle/>
              <a:p>
                <a:r>
                  <a:rPr lang="en-US" dirty="0"/>
                  <a:t>Time-dependent heat equation</a:t>
                </a:r>
              </a:p>
              <a:p>
                <a:endParaRPr lang="en-US" dirty="0"/>
              </a:p>
              <a:p>
                <a:endParaRPr lang="en-US" dirty="0"/>
              </a:p>
              <a:p>
                <a:endParaRPr lang="en-US" dirty="0"/>
              </a:p>
              <a:p>
                <a:r>
                  <a:rPr lang="en-US" dirty="0"/>
                  <a:t>Heat current density injected at contacts</a:t>
                </a:r>
              </a:p>
              <a:p>
                <a:endParaRPr lang="en-US" dirty="0"/>
              </a:p>
              <a:p>
                <a:endParaRPr lang="en-US" dirty="0"/>
              </a:p>
              <a:p>
                <a:r>
                  <a:rPr lang="en-US" dirty="0"/>
                  <a:t>Solution</a:t>
                </a:r>
              </a:p>
              <a:p>
                <a:pPr lvl="1"/>
                <a:r>
                  <a:rPr lang="en-US" dirty="0"/>
                  <a:t>Constant heat injection:</a:t>
                </a:r>
              </a:p>
              <a:p>
                <a:pPr marL="0" indent="0">
                  <a:buNone/>
                </a:pPr>
                <a:endParaRPr lang="en-US" dirty="0"/>
              </a:p>
              <a:p>
                <a:pPr lvl="1"/>
                <a:r>
                  <a:rPr lang="en-US" dirty="0"/>
                  <a:t>Time dependent heat injection</a:t>
                </a:r>
              </a:p>
              <a:p>
                <a:pPr lvl="2"/>
                <a:r>
                  <a:rPr lang="en-US" sz="1600" i="1" dirty="0"/>
                  <a:t>Assume</a:t>
                </a:r>
                <a:r>
                  <a:rPr lang="en-US" sz="1600" dirty="0"/>
                  <a:t> </a:t>
                </a:r>
                <a14:m>
                  <m:oMath xmlns:m="http://schemas.openxmlformats.org/officeDocument/2006/math">
                    <m:r>
                      <a:rPr lang="en-US" sz="1600" b="0" i="1" smtClean="0">
                        <a:latin typeface="Cambria Math" panose="02040503050406030204" pitchFamily="18" charset="0"/>
                      </a:rPr>
                      <m:t>𝑇</m:t>
                    </m:r>
                    <m:d>
                      <m:dPr>
                        <m:ctrlPr>
                          <a:rPr lang="en-US" sz="1600" b="0" i="1" smtClean="0">
                            <a:latin typeface="Cambria Math" panose="02040503050406030204" pitchFamily="18" charset="0"/>
                          </a:rPr>
                        </m:ctrlPr>
                      </m:dPr>
                      <m:e>
                        <m:r>
                          <a:rPr lang="en-US" sz="1600" b="0" i="1" smtClean="0">
                            <a:latin typeface="Cambria Math" panose="02040503050406030204" pitchFamily="18" charset="0"/>
                          </a:rPr>
                          <m:t>𝑟</m:t>
                        </m:r>
                        <m:r>
                          <a:rPr lang="en-US" sz="1600" b="0" i="1" smtClean="0">
                            <a:latin typeface="Cambria Math" panose="02040503050406030204" pitchFamily="18" charset="0"/>
                          </a:rPr>
                          <m:t>,</m:t>
                        </m:r>
                        <m:r>
                          <a:rPr lang="en-US" sz="1600" b="0" i="1" smtClean="0">
                            <a:latin typeface="Cambria Math" panose="02040503050406030204" pitchFamily="18" charset="0"/>
                          </a:rPr>
                          <m:t>𝑡</m:t>
                        </m:r>
                      </m:e>
                    </m:d>
                    <m:r>
                      <a:rPr lang="en-US" sz="1600" b="0" i="1" smtClean="0">
                        <a:latin typeface="Cambria Math" panose="02040503050406030204" pitchFamily="18" charset="0"/>
                      </a:rPr>
                      <m:t>=</m:t>
                    </m:r>
                    <m:r>
                      <a:rPr lang="en-US" sz="1600" b="0" i="1" smtClean="0">
                        <a:latin typeface="Cambria Math" panose="02040503050406030204" pitchFamily="18" charset="0"/>
                      </a:rPr>
                      <m:t>𝑅</m:t>
                    </m:r>
                    <m:d>
                      <m:dPr>
                        <m:ctrlPr>
                          <a:rPr lang="en-US" sz="1600" b="0" i="1" smtClean="0">
                            <a:latin typeface="Cambria Math" panose="02040503050406030204" pitchFamily="18" charset="0"/>
                          </a:rPr>
                        </m:ctrlPr>
                      </m:dPr>
                      <m:e>
                        <m:r>
                          <a:rPr lang="en-US" sz="1600" b="0" i="1" smtClean="0">
                            <a:latin typeface="Cambria Math" panose="02040503050406030204" pitchFamily="18" charset="0"/>
                          </a:rPr>
                          <m:t>𝑟</m:t>
                        </m:r>
                      </m:e>
                    </m:d>
                    <m:r>
                      <m:rPr>
                        <m:sty m:val="p"/>
                      </m:rPr>
                      <a:rPr lang="en-US" sz="1600" b="0" i="0" smtClean="0">
                        <a:latin typeface="Cambria Math" panose="02040503050406030204" pitchFamily="18" charset="0"/>
                      </a:rPr>
                      <m:t>exp</m:t>
                    </m:r>
                    <m:r>
                      <a:rPr lang="en-US" sz="1600" b="0" i="1" smtClean="0">
                        <a:latin typeface="Cambria Math" panose="02040503050406030204" pitchFamily="18" charset="0"/>
                      </a:rPr>
                      <m:t>(</m:t>
                    </m:r>
                    <m:r>
                      <a:rPr lang="en-US" sz="1600" b="0" i="1" smtClean="0">
                        <a:latin typeface="Cambria Math" panose="02040503050406030204" pitchFamily="18" charset="0"/>
                      </a:rPr>
                      <m:t>𝑖</m:t>
                    </m:r>
                    <m:r>
                      <a:rPr lang="en-US" sz="1600" b="0" i="1" smtClean="0">
                        <a:latin typeface="Cambria Math" panose="02040503050406030204" pitchFamily="18" charset="0"/>
                      </a:rPr>
                      <m:t>𝜔</m:t>
                    </m:r>
                    <m:r>
                      <a:rPr lang="en-US" sz="1600" b="0" i="1" smtClean="0">
                        <a:latin typeface="Cambria Math" panose="02040503050406030204" pitchFamily="18" charset="0"/>
                      </a:rPr>
                      <m:t>𝑡</m:t>
                    </m:r>
                    <m:r>
                      <a:rPr lang="en-US" sz="1600" b="0" i="1" smtClean="0">
                        <a:latin typeface="Cambria Math" panose="02040503050406030204" pitchFamily="18" charset="0"/>
                      </a:rPr>
                      <m:t>)</m:t>
                    </m:r>
                  </m:oMath>
                </a14:m>
                <a:r>
                  <a:rPr lang="en-US" sz="1600" i="1" dirty="0"/>
                  <a:t> </a:t>
                </a:r>
              </a:p>
              <a:p>
                <a:endParaRPr lang="en-DK" dirty="0"/>
              </a:p>
            </p:txBody>
          </p:sp>
        </mc:Choice>
        <mc:Fallback xmlns="">
          <p:sp>
            <p:nvSpPr>
              <p:cNvPr id="3" name="Content Placeholder 2">
                <a:extLst>
                  <a:ext uri="{FF2B5EF4-FFF2-40B4-BE49-F238E27FC236}">
                    <a16:creationId xmlns:a16="http://schemas.microsoft.com/office/drawing/2014/main" id="{C7467D07-4B99-4480-AD10-8D347CD5D756}"/>
                  </a:ext>
                </a:extLst>
              </p:cNvPr>
              <p:cNvSpPr>
                <a:spLocks noGrp="1" noRot="1" noChangeAspect="1" noMove="1" noResize="1" noEditPoints="1" noAdjustHandles="1" noChangeArrowheads="1" noChangeShapeType="1" noTextEdit="1"/>
              </p:cNvSpPr>
              <p:nvPr>
                <p:ph idx="1"/>
              </p:nvPr>
            </p:nvSpPr>
            <p:spPr>
              <a:xfrm>
                <a:off x="982638" y="1706328"/>
                <a:ext cx="10104462" cy="4545578"/>
              </a:xfrm>
              <a:blipFill>
                <a:blip r:embed="rId5"/>
                <a:stretch>
                  <a:fillRect l="-1267" t="-1743"/>
                </a:stretch>
              </a:blipFill>
            </p:spPr>
            <p:txBody>
              <a:bodyPr/>
              <a:lstStyle/>
              <a:p>
                <a:r>
                  <a:rPr lang="en-DK">
                    <a:noFill/>
                  </a:rPr>
                  <a:t> </a:t>
                </a:r>
              </a:p>
            </p:txBody>
          </p:sp>
        </mc:Fallback>
      </mc:AlternateContent>
      <p:sp>
        <p:nvSpPr>
          <p:cNvPr id="4" name="Footer Placeholder 3">
            <a:extLst>
              <a:ext uri="{FF2B5EF4-FFF2-40B4-BE49-F238E27FC236}">
                <a16:creationId xmlns:a16="http://schemas.microsoft.com/office/drawing/2014/main" id="{5A496A87-4430-420C-9938-8210C68DF7AC}"/>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662D3309-F83B-4E95-A5CB-671F10443CB2}"/>
              </a:ext>
            </a:extLst>
          </p:cNvPr>
          <p:cNvSpPr>
            <a:spLocks noGrp="1"/>
          </p:cNvSpPr>
          <p:nvPr>
            <p:ph type="sldNum" sz="quarter" idx="11"/>
          </p:nvPr>
        </p:nvSpPr>
        <p:spPr/>
        <p:txBody>
          <a:bodyPr/>
          <a:lstStyle/>
          <a:p>
            <a:fld id="{103EA872-A674-449B-A120-B97244F8E91D}" type="slidenum">
              <a:rPr lang="en-GB" smtClean="0"/>
              <a:pPr/>
              <a:t>3</a:t>
            </a:fld>
            <a:endParaRPr lang="en-GB" dirty="0"/>
          </a:p>
        </p:txBody>
      </p:sp>
      <mc:AlternateContent xmlns:mc="http://schemas.openxmlformats.org/markup-compatibility/2006" xmlns:a14="http://schemas.microsoft.com/office/drawing/2010/main">
        <mc:Choice Requires="a14">
          <p:sp>
            <p:nvSpPr>
              <p:cNvPr id="6" name="TextBox 5">
                <a:extLst>
                  <a:ext uri="{FF2B5EF4-FFF2-40B4-BE49-F238E27FC236}">
                    <a16:creationId xmlns:a16="http://schemas.microsoft.com/office/drawing/2014/main" id="{365AA769-DBDE-4197-A7AB-D3FF89334BFE}"/>
                  </a:ext>
                </a:extLst>
              </p:cNvPr>
              <p:cNvSpPr txBox="1"/>
              <p:nvPr/>
            </p:nvSpPr>
            <p:spPr>
              <a:xfrm>
                <a:off x="1558702" y="2113403"/>
                <a:ext cx="4104456" cy="549253"/>
              </a:xfrm>
              <a:prstGeom prst="rect">
                <a:avLst/>
              </a:prstGeom>
              <a:noFill/>
            </p:spPr>
            <p:txBody>
              <a:bodyPr wrap="squar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𝜌</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𝑐</m:t>
                          </m:r>
                        </m:e>
                        <m:sub>
                          <m:r>
                            <a:rPr lang="en-US" b="0" i="1" smtClean="0">
                              <a:latin typeface="Cambria Math" panose="02040503050406030204" pitchFamily="18" charset="0"/>
                            </a:rPr>
                            <m:t>𝑝</m:t>
                          </m:r>
                        </m:sub>
                      </m:sSub>
                      <m:f>
                        <m:fPr>
                          <m:ctrlPr>
                            <a:rPr lang="en-US" b="0" i="1" smtClean="0">
                              <a:latin typeface="Cambria Math" panose="02040503050406030204" pitchFamily="18" charset="0"/>
                            </a:rPr>
                          </m:ctrlPr>
                        </m:fPr>
                        <m:num>
                          <m:r>
                            <a:rPr lang="en-US" b="0" i="1" smtClean="0">
                              <a:latin typeface="Cambria Math" panose="02040503050406030204" pitchFamily="18" charset="0"/>
                            </a:rPr>
                            <m:t>𝜕</m:t>
                          </m:r>
                          <m:r>
                            <a:rPr lang="en-US" b="0" i="1" smtClean="0">
                              <a:latin typeface="Cambria Math" panose="02040503050406030204" pitchFamily="18" charset="0"/>
                            </a:rPr>
                            <m:t>𝑇</m:t>
                          </m:r>
                        </m:num>
                        <m:den>
                          <m:r>
                            <a:rPr lang="en-US" b="0" i="1" smtClean="0">
                              <a:latin typeface="Cambria Math" panose="02040503050406030204" pitchFamily="18" charset="0"/>
                            </a:rPr>
                            <m:t>𝜕</m:t>
                          </m:r>
                          <m:r>
                            <a:rPr lang="en-US" b="0" i="1" smtClean="0">
                              <a:latin typeface="Cambria Math" panose="02040503050406030204" pitchFamily="18" charset="0"/>
                            </a:rPr>
                            <m:t>𝑡</m:t>
                          </m:r>
                        </m:den>
                      </m:f>
                      <m:r>
                        <a:rPr lang="en-US" b="0" i="1" smtClean="0">
                          <a:latin typeface="Cambria Math" panose="02040503050406030204" pitchFamily="18" charset="0"/>
                        </a:rPr>
                        <m:t>=</m:t>
                      </m:r>
                      <m:r>
                        <a:rPr lang="en-US" b="0" i="1" smtClean="0">
                          <a:latin typeface="Cambria Math" panose="02040503050406030204" pitchFamily="18" charset="0"/>
                        </a:rPr>
                        <m:t>𝜅</m:t>
                      </m:r>
                      <m:sSup>
                        <m:sSupPr>
                          <m:ctrlPr>
                            <a:rPr lang="en-US" b="0" i="1" smtClean="0">
                              <a:latin typeface="Cambria Math" panose="02040503050406030204" pitchFamily="18" charset="0"/>
                            </a:rPr>
                          </m:ctrlPr>
                        </m:sSupPr>
                        <m:e>
                          <m:r>
                            <m:rPr>
                              <m:sty m:val="p"/>
                            </m:rPr>
                            <a:rPr lang="en-US" b="0" i="0" smtClean="0">
                              <a:latin typeface="Cambria Math" panose="02040503050406030204" pitchFamily="18" charset="0"/>
                            </a:rPr>
                            <m:t>∇</m:t>
                          </m:r>
                        </m:e>
                        <m:sup>
                          <m:r>
                            <a:rPr lang="en-US" b="0" i="1" smtClean="0">
                              <a:latin typeface="Cambria Math" panose="02040503050406030204" pitchFamily="18" charset="0"/>
                            </a:rPr>
                            <m:t>2</m:t>
                          </m:r>
                        </m:sup>
                      </m:sSup>
                      <m:r>
                        <a:rPr lang="en-US" b="0" i="1" smtClean="0">
                          <a:latin typeface="Cambria Math" panose="02040503050406030204" pitchFamily="18" charset="0"/>
                        </a:rPr>
                        <m:t>𝑇</m:t>
                      </m:r>
                      <m:r>
                        <a:rPr lang="en-US" b="0" i="1" smtClean="0">
                          <a:latin typeface="Cambria Math" panose="02040503050406030204" pitchFamily="18" charset="0"/>
                        </a:rPr>
                        <m:t>=</m:t>
                      </m:r>
                      <m:f>
                        <m:fPr>
                          <m:ctrlPr>
                            <a:rPr lang="en-US" b="0" i="1" smtClean="0">
                              <a:latin typeface="Cambria Math" panose="02040503050406030204" pitchFamily="18" charset="0"/>
                            </a:rPr>
                          </m:ctrlPr>
                        </m:fPr>
                        <m:num>
                          <m:r>
                            <a:rPr lang="en-US" b="0" i="1" smtClean="0">
                              <a:latin typeface="Cambria Math" panose="02040503050406030204" pitchFamily="18" charset="0"/>
                            </a:rPr>
                            <m:t>𝜅</m:t>
                          </m:r>
                        </m:num>
                        <m:den>
                          <m:sSup>
                            <m:sSupPr>
                              <m:ctrlPr>
                                <a:rPr lang="en-US" b="0" i="1" smtClean="0">
                                  <a:latin typeface="Cambria Math" panose="02040503050406030204" pitchFamily="18" charset="0"/>
                                </a:rPr>
                              </m:ctrlPr>
                            </m:sSupPr>
                            <m:e>
                              <m:r>
                                <a:rPr lang="en-US" b="0" i="1" smtClean="0">
                                  <a:latin typeface="Cambria Math" panose="02040503050406030204" pitchFamily="18" charset="0"/>
                                </a:rPr>
                                <m:t>𝑟</m:t>
                              </m:r>
                            </m:e>
                            <m:sup>
                              <m:r>
                                <a:rPr lang="en-US" b="0" i="1" smtClean="0">
                                  <a:latin typeface="Cambria Math" panose="02040503050406030204" pitchFamily="18" charset="0"/>
                                </a:rPr>
                                <m:t>2</m:t>
                              </m:r>
                            </m:sup>
                          </m:sSup>
                        </m:den>
                      </m:f>
                      <m:f>
                        <m:fPr>
                          <m:ctrlPr>
                            <a:rPr lang="en-US" b="0" i="1" smtClean="0">
                              <a:latin typeface="Cambria Math" panose="02040503050406030204" pitchFamily="18" charset="0"/>
                            </a:rPr>
                          </m:ctrlPr>
                        </m:fPr>
                        <m:num>
                          <m:r>
                            <a:rPr lang="en-US" b="0" i="1" smtClean="0">
                              <a:latin typeface="Cambria Math" panose="02040503050406030204" pitchFamily="18" charset="0"/>
                            </a:rPr>
                            <m:t>𝜕</m:t>
                          </m:r>
                          <m:r>
                            <a:rPr lang="en-US" b="0" i="1" smtClean="0">
                              <a:latin typeface="Cambria Math" panose="02040503050406030204" pitchFamily="18" charset="0"/>
                            </a:rPr>
                            <m:t>𝑇</m:t>
                          </m:r>
                        </m:num>
                        <m:den>
                          <m:r>
                            <a:rPr lang="en-US" b="0" i="1" smtClean="0">
                              <a:latin typeface="Cambria Math" panose="02040503050406030204" pitchFamily="18" charset="0"/>
                            </a:rPr>
                            <m:t>𝜕</m:t>
                          </m:r>
                          <m:r>
                            <a:rPr lang="en-US" b="0" i="1" smtClean="0">
                              <a:latin typeface="Cambria Math" panose="02040503050406030204" pitchFamily="18" charset="0"/>
                            </a:rPr>
                            <m:t>𝑟</m:t>
                          </m:r>
                        </m:den>
                      </m:f>
                      <m:d>
                        <m:dPr>
                          <m:begChr m:val="{"/>
                          <m:endChr m:val="}"/>
                          <m:ctrlPr>
                            <a:rPr lang="en-US" b="0" i="1" smtClean="0">
                              <a:latin typeface="Cambria Math" panose="02040503050406030204" pitchFamily="18" charset="0"/>
                            </a:rPr>
                          </m:ctrlPr>
                        </m:dPr>
                        <m:e>
                          <m:sSup>
                            <m:sSupPr>
                              <m:ctrlPr>
                                <a:rPr lang="en-US" b="0" i="1" smtClean="0">
                                  <a:latin typeface="Cambria Math" panose="02040503050406030204" pitchFamily="18" charset="0"/>
                                </a:rPr>
                              </m:ctrlPr>
                            </m:sSupPr>
                            <m:e>
                              <m:r>
                                <a:rPr lang="en-US" b="0" i="1" smtClean="0">
                                  <a:latin typeface="Cambria Math" panose="02040503050406030204" pitchFamily="18" charset="0"/>
                                </a:rPr>
                                <m:t>𝑟</m:t>
                              </m:r>
                            </m:e>
                            <m:sup>
                              <m:r>
                                <a:rPr lang="en-US" b="0" i="1" smtClean="0">
                                  <a:latin typeface="Cambria Math" panose="02040503050406030204" pitchFamily="18" charset="0"/>
                                </a:rPr>
                                <m:t>2</m:t>
                              </m:r>
                            </m:sup>
                          </m:sSup>
                          <m:f>
                            <m:fPr>
                              <m:ctrlPr>
                                <a:rPr lang="en-US" b="0" i="1" smtClean="0">
                                  <a:latin typeface="Cambria Math" panose="02040503050406030204" pitchFamily="18" charset="0"/>
                                </a:rPr>
                              </m:ctrlPr>
                            </m:fPr>
                            <m:num>
                              <m:r>
                                <a:rPr lang="en-US" b="0" i="1" smtClean="0">
                                  <a:latin typeface="Cambria Math" panose="02040503050406030204" pitchFamily="18" charset="0"/>
                                </a:rPr>
                                <m:t>𝜕</m:t>
                              </m:r>
                              <m:r>
                                <a:rPr lang="en-US" b="0" i="1" smtClean="0">
                                  <a:latin typeface="Cambria Math" panose="02040503050406030204" pitchFamily="18" charset="0"/>
                                </a:rPr>
                                <m:t>𝑇</m:t>
                              </m:r>
                            </m:num>
                            <m:den>
                              <m:r>
                                <a:rPr lang="en-US" b="0" i="1" smtClean="0">
                                  <a:latin typeface="Cambria Math" panose="02040503050406030204" pitchFamily="18" charset="0"/>
                                </a:rPr>
                                <m:t>𝜕</m:t>
                              </m:r>
                              <m:r>
                                <a:rPr lang="en-US" b="0" i="1" smtClean="0">
                                  <a:latin typeface="Cambria Math" panose="02040503050406030204" pitchFamily="18" charset="0"/>
                                </a:rPr>
                                <m:t>𝑟</m:t>
                              </m:r>
                            </m:den>
                          </m:f>
                        </m:e>
                      </m:d>
                    </m:oMath>
                  </m:oMathPara>
                </a14:m>
                <a:endParaRPr lang="en-DK" dirty="0" err="1">
                  <a:latin typeface="+mn-lt"/>
                </a:endParaRPr>
              </a:p>
            </p:txBody>
          </p:sp>
        </mc:Choice>
        <mc:Fallback xmlns="">
          <p:sp>
            <p:nvSpPr>
              <p:cNvPr id="6" name="TextBox 5">
                <a:extLst>
                  <a:ext uri="{FF2B5EF4-FFF2-40B4-BE49-F238E27FC236}">
                    <a16:creationId xmlns:a16="http://schemas.microsoft.com/office/drawing/2014/main" id="{365AA769-DBDE-4197-A7AB-D3FF89334BFE}"/>
                  </a:ext>
                </a:extLst>
              </p:cNvPr>
              <p:cNvSpPr txBox="1">
                <a:spLocks noRot="1" noChangeAspect="1" noMove="1" noResize="1" noEditPoints="1" noAdjustHandles="1" noChangeArrowheads="1" noChangeShapeType="1" noTextEdit="1"/>
              </p:cNvSpPr>
              <p:nvPr/>
            </p:nvSpPr>
            <p:spPr>
              <a:xfrm>
                <a:off x="1558702" y="2113403"/>
                <a:ext cx="4104456" cy="549253"/>
              </a:xfrm>
              <a:prstGeom prst="rect">
                <a:avLst/>
              </a:prstGeom>
              <a:blipFill>
                <a:blip r:embed="rId6"/>
                <a:stretch>
                  <a:fillRect b="-1111"/>
                </a:stretch>
              </a:blipFill>
            </p:spPr>
            <p:txBody>
              <a:bodyPr/>
              <a:lstStyle/>
              <a:p>
                <a:r>
                  <a:rPr lang="en-DK">
                    <a:noFill/>
                  </a:rPr>
                  <a:t> </a:t>
                </a:r>
              </a:p>
            </p:txBody>
          </p:sp>
        </mc:Fallback>
      </mc:AlternateContent>
      <mc:AlternateContent xmlns:mc="http://schemas.openxmlformats.org/markup-compatibility/2006">
        <mc:Choice xmlns:a14="http://schemas.microsoft.com/office/drawing/2010/main" Requires="a14">
          <p:sp>
            <p:nvSpPr>
              <p:cNvPr id="8" name="TextBox 7">
                <a:extLst>
                  <a:ext uri="{FF2B5EF4-FFF2-40B4-BE49-F238E27FC236}">
                    <a16:creationId xmlns:a16="http://schemas.microsoft.com/office/drawing/2014/main" id="{FD28C4E6-7DD8-4C03-BAE2-FBF36CF09DB9}"/>
                  </a:ext>
                </a:extLst>
              </p:cNvPr>
              <p:cNvSpPr txBox="1"/>
              <p:nvPr/>
            </p:nvSpPr>
            <p:spPr>
              <a:xfrm>
                <a:off x="1921879" y="3352938"/>
                <a:ext cx="5688632" cy="46903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𝐽</m:t>
                          </m:r>
                        </m:e>
                        <m:sub>
                          <m:r>
                            <a:rPr lang="en-US" b="0" i="1" smtClean="0">
                              <a:latin typeface="Cambria Math" panose="02040503050406030204" pitchFamily="18" charset="0"/>
                            </a:rPr>
                            <m:t>𝑞</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𝑡</m:t>
                          </m:r>
                        </m:e>
                      </m:d>
                      <m:r>
                        <a:rPr lang="en-US" b="0" i="1" smtClean="0">
                          <a:latin typeface="Cambria Math" panose="02040503050406030204" pitchFamily="18" charset="0"/>
                        </a:rPr>
                        <m:t>=</m:t>
                      </m:r>
                      <m:f>
                        <m:fPr>
                          <m:ctrlPr>
                            <a:rPr lang="en-US" b="0" i="1" smtClean="0">
                              <a:latin typeface="Cambria Math" panose="02040503050406030204" pitchFamily="18" charset="0"/>
                            </a:rPr>
                          </m:ctrlPr>
                        </m:fPr>
                        <m:num>
                          <m:r>
                            <a:rPr lang="en-US" b="0" i="1" smtClean="0">
                              <a:latin typeface="Cambria Math" panose="02040503050406030204" pitchFamily="18" charset="0"/>
                            </a:rPr>
                            <m:t>𝑃</m:t>
                          </m:r>
                          <m:r>
                            <a:rPr lang="en-US" b="0" i="1" smtClean="0">
                              <a:latin typeface="Cambria Math" panose="02040503050406030204" pitchFamily="18" charset="0"/>
                            </a:rPr>
                            <m:t>(</m:t>
                          </m:r>
                          <m:r>
                            <a:rPr lang="en-US" b="0" i="1" smtClean="0">
                              <a:latin typeface="Cambria Math" panose="02040503050406030204" pitchFamily="18" charset="0"/>
                            </a:rPr>
                            <m:t>𝑡</m:t>
                          </m:r>
                          <m:r>
                            <a:rPr lang="en-US" b="0" i="1" smtClean="0">
                              <a:latin typeface="Cambria Math" panose="02040503050406030204" pitchFamily="18" charset="0"/>
                            </a:rPr>
                            <m:t>)</m:t>
                          </m:r>
                        </m:num>
                        <m:den>
                          <m:r>
                            <a:rPr lang="en-US" b="0" i="1" smtClean="0">
                              <a:latin typeface="Cambria Math" panose="02040503050406030204" pitchFamily="18" charset="0"/>
                            </a:rPr>
                            <m:t>𝐴</m:t>
                          </m:r>
                        </m:den>
                      </m:f>
                      <m:r>
                        <a:rPr lang="en-US" b="0" i="1" smtClean="0">
                          <a:latin typeface="Cambria Math" panose="02040503050406030204" pitchFamily="18" charset="0"/>
                        </a:rPr>
                        <m:t>=</m:t>
                      </m:r>
                      <m:f>
                        <m:fPr>
                          <m:ctrlPr>
                            <a:rPr lang="en-US" b="0" i="1" smtClean="0">
                              <a:latin typeface="Cambria Math" panose="02040503050406030204" pitchFamily="18" charset="0"/>
                            </a:rPr>
                          </m:ctrlPr>
                        </m:fPr>
                        <m:num>
                          <m:sSub>
                            <m:sSubPr>
                              <m:ctrlPr>
                                <a:rPr lang="en-US" b="0" i="1" smtClean="0">
                                  <a:latin typeface="Cambria Math" panose="02040503050406030204" pitchFamily="18" charset="0"/>
                                </a:rPr>
                              </m:ctrlPr>
                            </m:sSubPr>
                            <m:e>
                              <m:r>
                                <a:rPr lang="en-US" b="0" i="1" smtClean="0">
                                  <a:latin typeface="Cambria Math" panose="02040503050406030204" pitchFamily="18" charset="0"/>
                                </a:rPr>
                                <m:t>𝑃</m:t>
                              </m:r>
                            </m:e>
                            <m:sub>
                              <m:r>
                                <a:rPr lang="en-US" b="0" i="1" smtClean="0">
                                  <a:latin typeface="Cambria Math" panose="02040503050406030204" pitchFamily="18" charset="0"/>
                                </a:rPr>
                                <m:t>0</m:t>
                              </m:r>
                            </m:sub>
                          </m:sSub>
                        </m:num>
                        <m:den>
                          <m:r>
                            <a:rPr lang="en-US" b="0" i="1" smtClean="0">
                              <a:latin typeface="Cambria Math" panose="02040503050406030204" pitchFamily="18" charset="0"/>
                            </a:rPr>
                            <m:t>2</m:t>
                          </m:r>
                          <m:r>
                            <a:rPr lang="en-US" b="0" i="1" smtClean="0">
                              <a:latin typeface="Cambria Math" panose="02040503050406030204" pitchFamily="18" charset="0"/>
                            </a:rPr>
                            <m:t>𝜋</m:t>
                          </m:r>
                          <m:sSup>
                            <m:sSupPr>
                              <m:ctrlPr>
                                <a:rPr lang="en-US" b="0" i="1" smtClean="0">
                                  <a:latin typeface="Cambria Math" panose="02040503050406030204" pitchFamily="18" charset="0"/>
                                </a:rPr>
                              </m:ctrlPr>
                            </m:sSupPr>
                            <m:e>
                              <m:r>
                                <a:rPr lang="en-US" b="0" i="1" smtClean="0">
                                  <a:latin typeface="Cambria Math" panose="02040503050406030204" pitchFamily="18" charset="0"/>
                                </a:rPr>
                                <m:t>𝑎</m:t>
                              </m:r>
                            </m:e>
                            <m:sup>
                              <m:r>
                                <a:rPr lang="en-US" b="0" i="1" smtClean="0">
                                  <a:latin typeface="Cambria Math" panose="02040503050406030204" pitchFamily="18" charset="0"/>
                                </a:rPr>
                                <m:t>2</m:t>
                              </m:r>
                            </m:sup>
                          </m:sSup>
                        </m:den>
                      </m:f>
                      <m:func>
                        <m:funcPr>
                          <m:ctrlPr>
                            <a:rPr lang="en-US" b="0" i="1" smtClean="0">
                              <a:latin typeface="Cambria Math" panose="02040503050406030204" pitchFamily="18" charset="0"/>
                            </a:rPr>
                          </m:ctrlPr>
                        </m:funcPr>
                        <m:fName>
                          <m:sSup>
                            <m:sSupPr>
                              <m:ctrlPr>
                                <a:rPr lang="en-US" b="0" i="1" smtClean="0">
                                  <a:latin typeface="Cambria Math" panose="02040503050406030204" pitchFamily="18" charset="0"/>
                                </a:rPr>
                              </m:ctrlPr>
                            </m:sSupPr>
                            <m:e>
                              <m:r>
                                <m:rPr>
                                  <m:sty m:val="p"/>
                                </m:rPr>
                                <a:rPr lang="en-US" b="0" i="0" smtClean="0">
                                  <a:latin typeface="Cambria Math" panose="02040503050406030204" pitchFamily="18" charset="0"/>
                                </a:rPr>
                                <m:t>sin</m:t>
                              </m:r>
                            </m:e>
                            <m:sup>
                              <m:r>
                                <a:rPr lang="en-US" b="0" i="1" smtClean="0">
                                  <a:latin typeface="Cambria Math" panose="02040503050406030204" pitchFamily="18" charset="0"/>
                                </a:rPr>
                                <m:t>2</m:t>
                              </m:r>
                            </m:sup>
                          </m:sSup>
                        </m:fName>
                        <m:e>
                          <m:d>
                            <m:dPr>
                              <m:ctrlPr>
                                <a:rPr lang="en-US" b="0" i="1" smtClean="0">
                                  <a:latin typeface="Cambria Math" panose="02040503050406030204" pitchFamily="18" charset="0"/>
                                </a:rPr>
                              </m:ctrlPr>
                            </m:dPr>
                            <m:e>
                              <m:sSub>
                                <m:sSubPr>
                                  <m:ctrlPr>
                                    <a:rPr lang="en-US" b="0" i="1" smtClean="0">
                                      <a:latin typeface="Cambria Math" panose="02040503050406030204" pitchFamily="18" charset="0"/>
                                    </a:rPr>
                                  </m:ctrlPr>
                                </m:sSubPr>
                                <m:e>
                                  <m:r>
                                    <a:rPr lang="en-US" b="0" i="1" smtClean="0">
                                      <a:latin typeface="Cambria Math" panose="02040503050406030204" pitchFamily="18" charset="0"/>
                                    </a:rPr>
                                    <m:t>𝜔</m:t>
                                  </m:r>
                                </m:e>
                                <m:sub>
                                  <m:r>
                                    <a:rPr lang="en-US" b="0" i="1" smtClean="0">
                                      <a:latin typeface="Cambria Math" panose="02040503050406030204" pitchFamily="18" charset="0"/>
                                    </a:rPr>
                                    <m:t>0</m:t>
                                  </m:r>
                                </m:sub>
                              </m:sSub>
                              <m:r>
                                <a:rPr lang="en-US" b="0" i="1" smtClean="0">
                                  <a:latin typeface="Cambria Math" panose="02040503050406030204" pitchFamily="18" charset="0"/>
                                </a:rPr>
                                <m:t>𝑡</m:t>
                              </m:r>
                            </m:e>
                          </m:d>
                          <m:r>
                            <a:rPr lang="en-US" b="0" i="1" smtClean="0">
                              <a:latin typeface="Cambria Math" panose="02040503050406030204" pitchFamily="18" charset="0"/>
                            </a:rPr>
                            <m:t>=</m:t>
                          </m:r>
                          <m:f>
                            <m:fPr>
                              <m:ctrlPr>
                                <a:rPr lang="en-US" i="1">
                                  <a:latin typeface="Cambria Math" panose="02040503050406030204" pitchFamily="18" charset="0"/>
                                </a:rPr>
                              </m:ctrlPr>
                            </m:fPr>
                            <m:num>
                              <m:sSub>
                                <m:sSubPr>
                                  <m:ctrlPr>
                                    <a:rPr lang="en-US" i="1">
                                      <a:latin typeface="Cambria Math" panose="02040503050406030204" pitchFamily="18" charset="0"/>
                                    </a:rPr>
                                  </m:ctrlPr>
                                </m:sSubPr>
                                <m:e>
                                  <m:r>
                                    <a:rPr lang="en-US" i="1">
                                      <a:latin typeface="Cambria Math" panose="02040503050406030204" pitchFamily="18" charset="0"/>
                                    </a:rPr>
                                    <m:t>𝑃</m:t>
                                  </m:r>
                                </m:e>
                                <m:sub>
                                  <m:r>
                                    <a:rPr lang="en-US" i="1">
                                      <a:latin typeface="Cambria Math" panose="02040503050406030204" pitchFamily="18" charset="0"/>
                                    </a:rPr>
                                    <m:t>0</m:t>
                                  </m:r>
                                </m:sub>
                              </m:sSub>
                            </m:num>
                            <m:den>
                              <m:r>
                                <a:rPr lang="en-US" b="0" i="1" smtClean="0">
                                  <a:latin typeface="Cambria Math" panose="02040503050406030204" pitchFamily="18" charset="0"/>
                                </a:rPr>
                                <m:t>4</m:t>
                              </m:r>
                              <m:r>
                                <a:rPr lang="en-US" i="1">
                                  <a:latin typeface="Cambria Math" panose="02040503050406030204" pitchFamily="18" charset="0"/>
                                </a:rPr>
                                <m:t>𝜋</m:t>
                              </m:r>
                              <m:sSup>
                                <m:sSupPr>
                                  <m:ctrlPr>
                                    <a:rPr lang="en-US" i="1">
                                      <a:latin typeface="Cambria Math" panose="02040503050406030204" pitchFamily="18" charset="0"/>
                                    </a:rPr>
                                  </m:ctrlPr>
                                </m:sSupPr>
                                <m:e>
                                  <m:r>
                                    <a:rPr lang="en-US" i="1">
                                      <a:latin typeface="Cambria Math" panose="02040503050406030204" pitchFamily="18" charset="0"/>
                                    </a:rPr>
                                    <m:t>𝑎</m:t>
                                  </m:r>
                                </m:e>
                                <m:sup>
                                  <m:r>
                                    <a:rPr lang="en-US" i="1">
                                      <a:latin typeface="Cambria Math" panose="02040503050406030204" pitchFamily="18" charset="0"/>
                                    </a:rPr>
                                    <m:t>2</m:t>
                                  </m:r>
                                </m:sup>
                              </m:sSup>
                            </m:den>
                          </m:f>
                          <m:r>
                            <a:rPr lang="en-US" b="0" i="1" smtClean="0">
                              <a:latin typeface="Cambria Math" panose="02040503050406030204" pitchFamily="18" charset="0"/>
                            </a:rPr>
                            <m:t>−</m:t>
                          </m:r>
                          <m:f>
                            <m:fPr>
                              <m:ctrlPr>
                                <a:rPr lang="en-US" i="1">
                                  <a:latin typeface="Cambria Math" panose="02040503050406030204" pitchFamily="18" charset="0"/>
                                </a:rPr>
                              </m:ctrlPr>
                            </m:fPr>
                            <m:num>
                              <m:sSub>
                                <m:sSubPr>
                                  <m:ctrlPr>
                                    <a:rPr lang="en-US" i="1">
                                      <a:latin typeface="Cambria Math" panose="02040503050406030204" pitchFamily="18" charset="0"/>
                                    </a:rPr>
                                  </m:ctrlPr>
                                </m:sSubPr>
                                <m:e>
                                  <m:r>
                                    <a:rPr lang="en-US" i="1">
                                      <a:latin typeface="Cambria Math" panose="02040503050406030204" pitchFamily="18" charset="0"/>
                                    </a:rPr>
                                    <m:t>𝑃</m:t>
                                  </m:r>
                                </m:e>
                                <m:sub>
                                  <m:r>
                                    <a:rPr lang="en-US" i="1">
                                      <a:latin typeface="Cambria Math" panose="02040503050406030204" pitchFamily="18" charset="0"/>
                                    </a:rPr>
                                    <m:t>0</m:t>
                                  </m:r>
                                </m:sub>
                              </m:sSub>
                            </m:num>
                            <m:den>
                              <m:r>
                                <a:rPr lang="en-US" i="1">
                                  <a:latin typeface="Cambria Math" panose="02040503050406030204" pitchFamily="18" charset="0"/>
                                </a:rPr>
                                <m:t>4</m:t>
                              </m:r>
                              <m:r>
                                <a:rPr lang="en-US" i="1">
                                  <a:latin typeface="Cambria Math" panose="02040503050406030204" pitchFamily="18" charset="0"/>
                                </a:rPr>
                                <m:t>𝜋</m:t>
                              </m:r>
                              <m:sSup>
                                <m:sSupPr>
                                  <m:ctrlPr>
                                    <a:rPr lang="en-US" i="1">
                                      <a:latin typeface="Cambria Math" panose="02040503050406030204" pitchFamily="18" charset="0"/>
                                    </a:rPr>
                                  </m:ctrlPr>
                                </m:sSupPr>
                                <m:e>
                                  <m:r>
                                    <a:rPr lang="en-US" i="1">
                                      <a:latin typeface="Cambria Math" panose="02040503050406030204" pitchFamily="18" charset="0"/>
                                    </a:rPr>
                                    <m:t>𝑎</m:t>
                                  </m:r>
                                </m:e>
                                <m:sup>
                                  <m:r>
                                    <a:rPr lang="en-US" i="1">
                                      <a:latin typeface="Cambria Math" panose="02040503050406030204" pitchFamily="18" charset="0"/>
                                    </a:rPr>
                                    <m:t>2</m:t>
                                  </m:r>
                                </m:sup>
                              </m:sSup>
                            </m:den>
                          </m:f>
                          <m:func>
                            <m:funcPr>
                              <m:ctrlPr>
                                <a:rPr lang="en-US" b="0" i="1" smtClean="0">
                                  <a:latin typeface="Cambria Math" panose="02040503050406030204" pitchFamily="18" charset="0"/>
                                </a:rPr>
                              </m:ctrlPr>
                            </m:funcPr>
                            <m:fName>
                              <m:r>
                                <m:rPr>
                                  <m:sty m:val="p"/>
                                </m:rPr>
                                <a:rPr lang="en-US" b="0" i="0" smtClean="0">
                                  <a:latin typeface="Cambria Math" panose="02040503050406030204" pitchFamily="18" charset="0"/>
                                </a:rPr>
                                <m:t>cos</m:t>
                              </m:r>
                            </m:fName>
                            <m:e>
                              <m:r>
                                <a:rPr lang="en-US" b="0" i="1" smtClean="0">
                                  <a:latin typeface="Cambria Math" panose="02040503050406030204" pitchFamily="18" charset="0"/>
                                </a:rPr>
                                <m:t>(2</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𝜔</m:t>
                                  </m:r>
                                </m:e>
                                <m:sub>
                                  <m:r>
                                    <a:rPr lang="en-US" b="0" i="1" smtClean="0">
                                      <a:latin typeface="Cambria Math" panose="02040503050406030204" pitchFamily="18" charset="0"/>
                                    </a:rPr>
                                    <m:t>0</m:t>
                                  </m:r>
                                </m:sub>
                              </m:sSub>
                              <m:r>
                                <a:rPr lang="en-US" b="0" i="1" smtClean="0">
                                  <a:latin typeface="Cambria Math" panose="02040503050406030204" pitchFamily="18" charset="0"/>
                                </a:rPr>
                                <m:t>𝑡</m:t>
                              </m:r>
                              <m:r>
                                <a:rPr lang="en-US" b="0" i="1" smtClean="0">
                                  <a:latin typeface="Cambria Math" panose="02040503050406030204" pitchFamily="18" charset="0"/>
                                </a:rPr>
                                <m:t>)</m:t>
                              </m:r>
                            </m:e>
                          </m:func>
                        </m:e>
                      </m:func>
                    </m:oMath>
                  </m:oMathPara>
                </a14:m>
                <a:endParaRPr lang="en-DK" dirty="0" err="1">
                  <a:latin typeface="+mn-lt"/>
                </a:endParaRPr>
              </a:p>
            </p:txBody>
          </p:sp>
        </mc:Choice>
        <mc:Fallback>
          <p:sp>
            <p:nvSpPr>
              <p:cNvPr id="8" name="TextBox 7">
                <a:extLst>
                  <a:ext uri="{FF2B5EF4-FFF2-40B4-BE49-F238E27FC236}">
                    <a16:creationId xmlns:a16="http://schemas.microsoft.com/office/drawing/2014/main" id="{FD28C4E6-7DD8-4C03-BAE2-FBF36CF09DB9}"/>
                  </a:ext>
                </a:extLst>
              </p:cNvPr>
              <p:cNvSpPr txBox="1">
                <a:spLocks noRot="1" noChangeAspect="1" noMove="1" noResize="1" noEditPoints="1" noAdjustHandles="1" noChangeArrowheads="1" noChangeShapeType="1" noTextEdit="1"/>
              </p:cNvSpPr>
              <p:nvPr/>
            </p:nvSpPr>
            <p:spPr>
              <a:xfrm>
                <a:off x="1921879" y="3352938"/>
                <a:ext cx="5688632" cy="469039"/>
              </a:xfrm>
              <a:prstGeom prst="rect">
                <a:avLst/>
              </a:prstGeom>
              <a:blipFill>
                <a:blip r:embed="rId7"/>
                <a:stretch>
                  <a:fillRect/>
                </a:stretch>
              </a:blipFill>
            </p:spPr>
            <p:txBody>
              <a:bodyPr/>
              <a:lstStyle/>
              <a:p>
                <a:r>
                  <a:rPr lang="en-DK">
                    <a:noFill/>
                  </a:rPr>
                  <a:t> </a:t>
                </a:r>
              </a:p>
            </p:txBody>
          </p:sp>
        </mc:Fallback>
      </mc:AlternateContent>
      <p:sp>
        <p:nvSpPr>
          <p:cNvPr id="9" name="Rectangle 8">
            <a:extLst>
              <a:ext uri="{FF2B5EF4-FFF2-40B4-BE49-F238E27FC236}">
                <a16:creationId xmlns:a16="http://schemas.microsoft.com/office/drawing/2014/main" id="{697261AF-2631-4F31-B4CD-77A253526807}"/>
              </a:ext>
            </a:extLst>
          </p:cNvPr>
          <p:cNvSpPr/>
          <p:nvPr/>
        </p:nvSpPr>
        <p:spPr bwMode="auto">
          <a:xfrm>
            <a:off x="8382575" y="2060571"/>
            <a:ext cx="2304256" cy="837807"/>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K"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Freeform: Shape 9">
            <a:extLst>
              <a:ext uri="{FF2B5EF4-FFF2-40B4-BE49-F238E27FC236}">
                <a16:creationId xmlns:a16="http://schemas.microsoft.com/office/drawing/2014/main" id="{158B3C95-8504-4128-A534-E6FA0695C4C2}"/>
              </a:ext>
            </a:extLst>
          </p:cNvPr>
          <p:cNvSpPr/>
          <p:nvPr/>
        </p:nvSpPr>
        <p:spPr bwMode="auto">
          <a:xfrm>
            <a:off x="7770431" y="2686451"/>
            <a:ext cx="3370551" cy="1038823"/>
          </a:xfrm>
          <a:custGeom>
            <a:avLst/>
            <a:gdLst>
              <a:gd name="connsiteX0" fmla="*/ 44353 w 3370551"/>
              <a:gd name="connsiteY0" fmla="*/ 356926 h 1038823"/>
              <a:gd name="connsiteX1" fmla="*/ 297272 w 3370551"/>
              <a:gd name="connsiteY1" fmla="*/ 123462 h 1038823"/>
              <a:gd name="connsiteX2" fmla="*/ 608557 w 3370551"/>
              <a:gd name="connsiteY2" fmla="*/ 220739 h 1038823"/>
              <a:gd name="connsiteX3" fmla="*/ 919842 w 3370551"/>
              <a:gd name="connsiteY3" fmla="*/ 19701 h 1038823"/>
              <a:gd name="connsiteX4" fmla="*/ 1231127 w 3370551"/>
              <a:gd name="connsiteY4" fmla="*/ 201284 h 1038823"/>
              <a:gd name="connsiteX5" fmla="*/ 1451621 w 3370551"/>
              <a:gd name="connsiteY5" fmla="*/ 39156 h 1038823"/>
              <a:gd name="connsiteX6" fmla="*/ 1749936 w 3370551"/>
              <a:gd name="connsiteY6" fmla="*/ 207769 h 1038823"/>
              <a:gd name="connsiteX7" fmla="*/ 2002855 w 3370551"/>
              <a:gd name="connsiteY7" fmla="*/ 245 h 1038823"/>
              <a:gd name="connsiteX8" fmla="*/ 2268744 w 3370551"/>
              <a:gd name="connsiteY8" fmla="*/ 162373 h 1038823"/>
              <a:gd name="connsiteX9" fmla="*/ 2593000 w 3370551"/>
              <a:gd name="connsiteY9" fmla="*/ 245 h 1038823"/>
              <a:gd name="connsiteX10" fmla="*/ 2845919 w 3370551"/>
              <a:gd name="connsiteY10" fmla="*/ 162373 h 1038823"/>
              <a:gd name="connsiteX11" fmla="*/ 3085868 w 3370551"/>
              <a:gd name="connsiteY11" fmla="*/ 6730 h 1038823"/>
              <a:gd name="connsiteX12" fmla="*/ 3358242 w 3370551"/>
              <a:gd name="connsiteY12" fmla="*/ 259650 h 1038823"/>
              <a:gd name="connsiteX13" fmla="*/ 2657851 w 3370551"/>
              <a:gd name="connsiteY13" fmla="*/ 960041 h 1038823"/>
              <a:gd name="connsiteX14" fmla="*/ 932812 w 3370551"/>
              <a:gd name="connsiteY14" fmla="*/ 979496 h 1038823"/>
              <a:gd name="connsiteX15" fmla="*/ 89749 w 3370551"/>
              <a:gd name="connsiteY15" fmla="*/ 577420 h 1038823"/>
              <a:gd name="connsiteX16" fmla="*/ 44353 w 3370551"/>
              <a:gd name="connsiteY16" fmla="*/ 356926 h 10388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370551" h="1038823">
                <a:moveTo>
                  <a:pt x="44353" y="356926"/>
                </a:moveTo>
                <a:cubicBezTo>
                  <a:pt x="78940" y="281266"/>
                  <a:pt x="203238" y="146160"/>
                  <a:pt x="297272" y="123462"/>
                </a:cubicBezTo>
                <a:cubicBezTo>
                  <a:pt x="391306" y="100764"/>
                  <a:pt x="504795" y="238032"/>
                  <a:pt x="608557" y="220739"/>
                </a:cubicBezTo>
                <a:cubicBezTo>
                  <a:pt x="712319" y="203445"/>
                  <a:pt x="816080" y="22944"/>
                  <a:pt x="919842" y="19701"/>
                </a:cubicBezTo>
                <a:cubicBezTo>
                  <a:pt x="1023604" y="16458"/>
                  <a:pt x="1142497" y="198042"/>
                  <a:pt x="1231127" y="201284"/>
                </a:cubicBezTo>
                <a:cubicBezTo>
                  <a:pt x="1319757" y="204526"/>
                  <a:pt x="1365153" y="38075"/>
                  <a:pt x="1451621" y="39156"/>
                </a:cubicBezTo>
                <a:cubicBezTo>
                  <a:pt x="1538089" y="40237"/>
                  <a:pt x="1658064" y="214254"/>
                  <a:pt x="1749936" y="207769"/>
                </a:cubicBezTo>
                <a:cubicBezTo>
                  <a:pt x="1841808" y="201284"/>
                  <a:pt x="1916387" y="7811"/>
                  <a:pt x="2002855" y="245"/>
                </a:cubicBezTo>
                <a:cubicBezTo>
                  <a:pt x="2089323" y="-7321"/>
                  <a:pt x="2170387" y="162373"/>
                  <a:pt x="2268744" y="162373"/>
                </a:cubicBezTo>
                <a:cubicBezTo>
                  <a:pt x="2367101" y="162373"/>
                  <a:pt x="2496804" y="245"/>
                  <a:pt x="2593000" y="245"/>
                </a:cubicBezTo>
                <a:cubicBezTo>
                  <a:pt x="2689196" y="245"/>
                  <a:pt x="2763774" y="161292"/>
                  <a:pt x="2845919" y="162373"/>
                </a:cubicBezTo>
                <a:cubicBezTo>
                  <a:pt x="2928064" y="163454"/>
                  <a:pt x="3000481" y="-9483"/>
                  <a:pt x="3085868" y="6730"/>
                </a:cubicBezTo>
                <a:cubicBezTo>
                  <a:pt x="3171255" y="22943"/>
                  <a:pt x="3429578" y="100765"/>
                  <a:pt x="3358242" y="259650"/>
                </a:cubicBezTo>
                <a:cubicBezTo>
                  <a:pt x="3286906" y="418535"/>
                  <a:pt x="3062089" y="840067"/>
                  <a:pt x="2657851" y="960041"/>
                </a:cubicBezTo>
                <a:cubicBezTo>
                  <a:pt x="2253613" y="1080015"/>
                  <a:pt x="1360829" y="1043266"/>
                  <a:pt x="932812" y="979496"/>
                </a:cubicBezTo>
                <a:cubicBezTo>
                  <a:pt x="504795" y="915726"/>
                  <a:pt x="233502" y="680101"/>
                  <a:pt x="89749" y="577420"/>
                </a:cubicBezTo>
                <a:cubicBezTo>
                  <a:pt x="-54004" y="474739"/>
                  <a:pt x="9766" y="432586"/>
                  <a:pt x="44353" y="356926"/>
                </a:cubicBezTo>
                <a:close/>
              </a:path>
            </a:pathLst>
          </a:custGeom>
          <a:solidFill>
            <a:schemeClr val="bg1"/>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K" sz="1600" b="0" i="0" u="none" strike="noStrike" cap="none" normalizeH="0" baseline="0" dirty="0" err="1">
              <a:ln>
                <a:noFill/>
              </a:ln>
              <a:solidFill>
                <a:srgbClr val="FFFFFF"/>
              </a:solidFill>
              <a:effectLst/>
              <a:latin typeface="+mn-lt"/>
              <a:ea typeface="ＭＳ Ｐゴシック" pitchFamily="-80" charset="-128"/>
            </a:endParaRPr>
          </a:p>
        </p:txBody>
      </p:sp>
      <p:sp>
        <p:nvSpPr>
          <p:cNvPr id="11" name="Arc 10">
            <a:extLst>
              <a:ext uri="{FF2B5EF4-FFF2-40B4-BE49-F238E27FC236}">
                <a16:creationId xmlns:a16="http://schemas.microsoft.com/office/drawing/2014/main" id="{19810DBD-5116-4DA8-BD92-B0158CFB8596}"/>
              </a:ext>
            </a:extLst>
          </p:cNvPr>
          <p:cNvSpPr/>
          <p:nvPr/>
        </p:nvSpPr>
        <p:spPr bwMode="auto">
          <a:xfrm>
            <a:off x="9282675" y="1844546"/>
            <a:ext cx="504056" cy="451763"/>
          </a:xfrm>
          <a:prstGeom prst="arc">
            <a:avLst>
              <a:gd name="adj1" fmla="val 21573459"/>
              <a:gd name="adj2" fmla="val 10760894"/>
            </a:avLst>
          </a:prstGeom>
          <a:noFill/>
          <a:ln w="9525" cap="flat" cmpd="sng" algn="ctr">
            <a:solidFill>
              <a:schemeClr val="tx1"/>
            </a:solidFill>
            <a:prstDash val="sysDash"/>
            <a:miter lim="800000"/>
            <a:headEnd type="none" w="med" len="med"/>
            <a:tailEnd type="none" w="med" len="med"/>
          </a:ln>
          <a:effectLst/>
        </p:spPr>
        <p:txBody>
          <a:bodyPr rtlCol="0" anchor="ctr"/>
          <a:lstStyle/>
          <a:p>
            <a:pPr algn="ctr"/>
            <a:endParaRPr lang="en-DK"/>
          </a:p>
        </p:txBody>
      </p:sp>
      <p:cxnSp>
        <p:nvCxnSpPr>
          <p:cNvPr id="13" name="Straight Arrow Connector 12">
            <a:extLst>
              <a:ext uri="{FF2B5EF4-FFF2-40B4-BE49-F238E27FC236}">
                <a16:creationId xmlns:a16="http://schemas.microsoft.com/office/drawing/2014/main" id="{1EF9201C-2F4E-49A4-B696-2B503F9527A9}"/>
              </a:ext>
            </a:extLst>
          </p:cNvPr>
          <p:cNvCxnSpPr>
            <a:stCxn id="9" idx="0"/>
          </p:cNvCxnSpPr>
          <p:nvPr/>
        </p:nvCxnSpPr>
        <p:spPr bwMode="auto">
          <a:xfrm flipH="1">
            <a:off x="9462694" y="2060571"/>
            <a:ext cx="72009" cy="235739"/>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14" name="TextBox 13">
                <a:extLst>
                  <a:ext uri="{FF2B5EF4-FFF2-40B4-BE49-F238E27FC236}">
                    <a16:creationId xmlns:a16="http://schemas.microsoft.com/office/drawing/2014/main" id="{265E6804-7922-4F3A-BB95-690E6112D396}"/>
                  </a:ext>
                </a:extLst>
              </p:cNvPr>
              <p:cNvSpPr txBox="1"/>
              <p:nvPr/>
            </p:nvSpPr>
            <p:spPr>
              <a:xfrm>
                <a:off x="9348290" y="2233253"/>
                <a:ext cx="176523" cy="246221"/>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r>
                        <a:rPr lang="en-US" i="1" smtClean="0">
                          <a:latin typeface="Cambria Math" panose="02040503050406030204" pitchFamily="18" charset="0"/>
                        </a:rPr>
                        <m:t>𝑎</m:t>
                      </m:r>
                    </m:oMath>
                  </m:oMathPara>
                </a14:m>
                <a:endParaRPr lang="en-DK" dirty="0" err="1">
                  <a:latin typeface="+mn-lt"/>
                </a:endParaRPr>
              </a:p>
            </p:txBody>
          </p:sp>
        </mc:Choice>
        <mc:Fallback xmlns="">
          <p:sp>
            <p:nvSpPr>
              <p:cNvPr id="14" name="TextBox 13">
                <a:extLst>
                  <a:ext uri="{FF2B5EF4-FFF2-40B4-BE49-F238E27FC236}">
                    <a16:creationId xmlns:a16="http://schemas.microsoft.com/office/drawing/2014/main" id="{265E6804-7922-4F3A-BB95-690E6112D396}"/>
                  </a:ext>
                </a:extLst>
              </p:cNvPr>
              <p:cNvSpPr txBox="1">
                <a:spLocks noRot="1" noChangeAspect="1" noMove="1" noResize="1" noEditPoints="1" noAdjustHandles="1" noChangeArrowheads="1" noChangeShapeType="1" noTextEdit="1"/>
              </p:cNvSpPr>
              <p:nvPr/>
            </p:nvSpPr>
            <p:spPr>
              <a:xfrm>
                <a:off x="9348290" y="2233253"/>
                <a:ext cx="176523" cy="246221"/>
              </a:xfrm>
              <a:prstGeom prst="rect">
                <a:avLst/>
              </a:prstGeom>
              <a:blipFill>
                <a:blip r:embed="rId8"/>
                <a:stretch>
                  <a:fillRect l="-14286" r="-10714"/>
                </a:stretch>
              </a:blipFill>
            </p:spPr>
            <p:txBody>
              <a:bodyPr/>
              <a:lstStyle/>
              <a:p>
                <a:r>
                  <a:rPr lang="en-DK">
                    <a:noFill/>
                  </a:rPr>
                  <a:t> </a:t>
                </a:r>
              </a:p>
            </p:txBody>
          </p:sp>
        </mc:Fallback>
      </mc:AlternateContent>
      <mc:AlternateContent xmlns:mc="http://schemas.openxmlformats.org/markup-compatibility/2006" xmlns:a14="http://schemas.microsoft.com/office/drawing/2010/main">
        <mc:Choice Requires="a14">
          <p:sp>
            <p:nvSpPr>
              <p:cNvPr id="16" name="TextBox 15">
                <a:extLst>
                  <a:ext uri="{FF2B5EF4-FFF2-40B4-BE49-F238E27FC236}">
                    <a16:creationId xmlns:a16="http://schemas.microsoft.com/office/drawing/2014/main" id="{6BCE62B0-2132-4372-8982-C469A52D8CF1}"/>
                  </a:ext>
                </a:extLst>
              </p:cNvPr>
              <p:cNvSpPr txBox="1"/>
              <p:nvPr/>
            </p:nvSpPr>
            <p:spPr>
              <a:xfrm>
                <a:off x="8553824" y="1631185"/>
                <a:ext cx="1803764" cy="246221"/>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𝑃</m:t>
                      </m:r>
                      <m:d>
                        <m:dPr>
                          <m:ctrlPr>
                            <a:rPr lang="en-US" b="0" i="1" smtClean="0">
                              <a:latin typeface="Cambria Math" panose="02040503050406030204" pitchFamily="18" charset="0"/>
                            </a:rPr>
                          </m:ctrlPr>
                        </m:dPr>
                        <m:e>
                          <m:r>
                            <a:rPr lang="en-US" b="0" i="1" smtClean="0">
                              <a:latin typeface="Cambria Math" panose="02040503050406030204" pitchFamily="18" charset="0"/>
                            </a:rPr>
                            <m:t>𝑡</m:t>
                          </m:r>
                        </m:e>
                      </m:d>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𝑃</m:t>
                          </m:r>
                        </m:e>
                        <m:sub>
                          <m:r>
                            <a:rPr lang="en-US" b="0" i="1" smtClean="0">
                              <a:latin typeface="Cambria Math" panose="02040503050406030204" pitchFamily="18" charset="0"/>
                            </a:rPr>
                            <m:t>0</m:t>
                          </m:r>
                        </m:sub>
                      </m:sSub>
                      <m:func>
                        <m:funcPr>
                          <m:ctrlPr>
                            <a:rPr lang="en-US" b="0" i="1" smtClean="0">
                              <a:latin typeface="Cambria Math" panose="02040503050406030204" pitchFamily="18" charset="0"/>
                            </a:rPr>
                          </m:ctrlPr>
                        </m:funcPr>
                        <m:fName>
                          <m:sSup>
                            <m:sSupPr>
                              <m:ctrlPr>
                                <a:rPr lang="en-US" b="0" i="1" smtClean="0">
                                  <a:latin typeface="Cambria Math" panose="02040503050406030204" pitchFamily="18" charset="0"/>
                                </a:rPr>
                              </m:ctrlPr>
                            </m:sSupPr>
                            <m:e>
                              <m:r>
                                <m:rPr>
                                  <m:sty m:val="p"/>
                                </m:rPr>
                                <a:rPr lang="en-US" b="0" i="0" smtClean="0">
                                  <a:latin typeface="Cambria Math" panose="02040503050406030204" pitchFamily="18" charset="0"/>
                                </a:rPr>
                                <m:t>sin</m:t>
                              </m:r>
                            </m:e>
                            <m:sup>
                              <m:r>
                                <a:rPr lang="en-US" b="0" i="1" smtClean="0">
                                  <a:latin typeface="Cambria Math" panose="02040503050406030204" pitchFamily="18" charset="0"/>
                                </a:rPr>
                                <m:t>2</m:t>
                              </m:r>
                            </m:sup>
                          </m:sSup>
                        </m:fName>
                        <m:e>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𝜔</m:t>
                              </m:r>
                            </m:e>
                            <m:sub>
                              <m:r>
                                <a:rPr lang="en-US" b="0" i="1" smtClean="0">
                                  <a:latin typeface="Cambria Math" panose="02040503050406030204" pitchFamily="18" charset="0"/>
                                </a:rPr>
                                <m:t>0</m:t>
                              </m:r>
                            </m:sub>
                          </m:sSub>
                          <m:r>
                            <a:rPr lang="en-US" b="0" i="1" smtClean="0">
                              <a:latin typeface="Cambria Math" panose="02040503050406030204" pitchFamily="18" charset="0"/>
                            </a:rPr>
                            <m:t>𝑡</m:t>
                          </m:r>
                          <m:r>
                            <a:rPr lang="en-US" b="0" i="1" smtClean="0">
                              <a:latin typeface="Cambria Math" panose="02040503050406030204" pitchFamily="18" charset="0"/>
                            </a:rPr>
                            <m:t>)</m:t>
                          </m:r>
                        </m:e>
                      </m:func>
                    </m:oMath>
                  </m:oMathPara>
                </a14:m>
                <a:endParaRPr lang="en-DK" dirty="0" err="1">
                  <a:latin typeface="+mn-lt"/>
                </a:endParaRPr>
              </a:p>
            </p:txBody>
          </p:sp>
        </mc:Choice>
        <mc:Fallback xmlns="">
          <p:sp>
            <p:nvSpPr>
              <p:cNvPr id="16" name="TextBox 15">
                <a:extLst>
                  <a:ext uri="{FF2B5EF4-FFF2-40B4-BE49-F238E27FC236}">
                    <a16:creationId xmlns:a16="http://schemas.microsoft.com/office/drawing/2014/main" id="{6BCE62B0-2132-4372-8982-C469A52D8CF1}"/>
                  </a:ext>
                </a:extLst>
              </p:cNvPr>
              <p:cNvSpPr txBox="1">
                <a:spLocks noRot="1" noChangeAspect="1" noMove="1" noResize="1" noEditPoints="1" noAdjustHandles="1" noChangeArrowheads="1" noChangeShapeType="1" noTextEdit="1"/>
              </p:cNvSpPr>
              <p:nvPr/>
            </p:nvSpPr>
            <p:spPr>
              <a:xfrm>
                <a:off x="8553824" y="1631185"/>
                <a:ext cx="1803764" cy="246221"/>
              </a:xfrm>
              <a:prstGeom prst="rect">
                <a:avLst/>
              </a:prstGeom>
              <a:blipFill>
                <a:blip r:embed="rId9"/>
                <a:stretch>
                  <a:fillRect l="-1689" r="-3378" b="-35000"/>
                </a:stretch>
              </a:blipFill>
            </p:spPr>
            <p:txBody>
              <a:bodyPr/>
              <a:lstStyle/>
              <a:p>
                <a:r>
                  <a:rPr lang="en-DK">
                    <a:noFill/>
                  </a:rPr>
                  <a:t> </a:t>
                </a:r>
              </a:p>
            </p:txBody>
          </p:sp>
        </mc:Fallback>
      </mc:AlternateContent>
      <p:sp>
        <p:nvSpPr>
          <p:cNvPr id="20" name="TextBox 19">
            <a:extLst>
              <a:ext uri="{FF2B5EF4-FFF2-40B4-BE49-F238E27FC236}">
                <a16:creationId xmlns:a16="http://schemas.microsoft.com/office/drawing/2014/main" id="{E2262439-F31A-4DA1-80DF-C1DEDB29D00F}"/>
              </a:ext>
            </a:extLst>
          </p:cNvPr>
          <p:cNvSpPr txBox="1"/>
          <p:nvPr/>
        </p:nvSpPr>
        <p:spPr>
          <a:xfrm>
            <a:off x="8238558" y="3274224"/>
            <a:ext cx="3672408" cy="492443"/>
          </a:xfrm>
          <a:prstGeom prst="rect">
            <a:avLst/>
          </a:prstGeom>
          <a:noFill/>
        </p:spPr>
        <p:txBody>
          <a:bodyPr wrap="square" lIns="0" tIns="0" rIns="0" bIns="0" rtlCol="0">
            <a:spAutoFit/>
          </a:bodyPr>
          <a:lstStyle/>
          <a:p>
            <a:pPr algn="l">
              <a:spcBef>
                <a:spcPts val="432"/>
              </a:spcBef>
            </a:pPr>
            <a:r>
              <a:rPr lang="en-US" b="1" dirty="0">
                <a:latin typeface="+mn-lt"/>
              </a:rPr>
              <a:t>Figure 3</a:t>
            </a:r>
            <a:br>
              <a:rPr lang="en-US" dirty="0">
                <a:latin typeface="+mn-lt"/>
              </a:rPr>
            </a:br>
            <a:r>
              <a:rPr lang="en-US" dirty="0">
                <a:latin typeface="+mn-lt"/>
              </a:rPr>
              <a:t>Power dissipated at contact point.</a:t>
            </a:r>
            <a:endParaRPr lang="en-DK" dirty="0" err="1">
              <a:latin typeface="+mn-lt"/>
            </a:endParaRPr>
          </a:p>
        </p:txBody>
      </p:sp>
      <mc:AlternateContent xmlns:mc="http://schemas.openxmlformats.org/markup-compatibility/2006" xmlns:a14="http://schemas.microsoft.com/office/drawing/2010/main">
        <mc:Choice Requires="a14">
          <p:sp>
            <p:nvSpPr>
              <p:cNvPr id="21" name="TextBox 20">
                <a:extLst>
                  <a:ext uri="{FF2B5EF4-FFF2-40B4-BE49-F238E27FC236}">
                    <a16:creationId xmlns:a16="http://schemas.microsoft.com/office/drawing/2014/main" id="{BE4E8F39-443B-4874-AE26-A2EF89D92397}"/>
                  </a:ext>
                </a:extLst>
              </p:cNvPr>
              <p:cNvSpPr txBox="1"/>
              <p:nvPr/>
            </p:nvSpPr>
            <p:spPr>
              <a:xfrm>
                <a:off x="5607392" y="2047747"/>
                <a:ext cx="2058577" cy="562718"/>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r>
                        <a:rPr lang="en-US" i="1">
                          <a:latin typeface="Cambria Math" panose="02040503050406030204" pitchFamily="18" charset="0"/>
                        </a:rPr>
                        <m:t>−</m:t>
                      </m:r>
                      <m:r>
                        <m:rPr>
                          <m:sty m:val="p"/>
                        </m:rPr>
                        <a:rPr lang="en-US">
                          <a:latin typeface="Cambria Math" panose="02040503050406030204" pitchFamily="18" charset="0"/>
                        </a:rPr>
                        <m:t>∇</m:t>
                      </m:r>
                      <m:r>
                        <a:rPr lang="en-US" i="1">
                          <a:latin typeface="Cambria Math" panose="02040503050406030204" pitchFamily="18" charset="0"/>
                        </a:rPr>
                        <m:t>𝑇</m:t>
                      </m:r>
                      <m:d>
                        <m:dPr>
                          <m:ctrlPr>
                            <a:rPr lang="en-US" i="1">
                              <a:latin typeface="Cambria Math" panose="02040503050406030204" pitchFamily="18" charset="0"/>
                            </a:rPr>
                          </m:ctrlPr>
                        </m:dPr>
                        <m:e>
                          <m:r>
                            <a:rPr lang="en-US" i="1">
                              <a:latin typeface="Cambria Math" panose="02040503050406030204" pitchFamily="18" charset="0"/>
                            </a:rPr>
                            <m:t>𝑟</m:t>
                          </m:r>
                          <m:r>
                            <a:rPr lang="en-US" i="1">
                              <a:latin typeface="Cambria Math" panose="02040503050406030204" pitchFamily="18" charset="0"/>
                            </a:rPr>
                            <m:t>=</m:t>
                          </m:r>
                          <m:r>
                            <a:rPr lang="en-US" i="1">
                              <a:latin typeface="Cambria Math" panose="02040503050406030204" pitchFamily="18" charset="0"/>
                            </a:rPr>
                            <m:t>𝑎</m:t>
                          </m:r>
                          <m:r>
                            <a:rPr lang="en-US" i="1">
                              <a:latin typeface="Cambria Math" panose="02040503050406030204" pitchFamily="18" charset="0"/>
                            </a:rPr>
                            <m:t>,</m:t>
                          </m:r>
                          <m:r>
                            <a:rPr lang="en-US" i="1">
                              <a:latin typeface="Cambria Math" panose="02040503050406030204" pitchFamily="18" charset="0"/>
                            </a:rPr>
                            <m:t>𝑡</m:t>
                          </m:r>
                        </m:e>
                      </m:d>
                      <m:r>
                        <a:rPr lang="en-US" i="1">
                          <a:latin typeface="Cambria Math" panose="02040503050406030204" pitchFamily="18" charset="0"/>
                        </a:rPr>
                        <m:t>=</m:t>
                      </m:r>
                      <m:sSub>
                        <m:sSubPr>
                          <m:ctrlPr>
                            <a:rPr lang="en-US" i="1">
                              <a:latin typeface="Cambria Math" panose="02040503050406030204" pitchFamily="18" charset="0"/>
                            </a:rPr>
                          </m:ctrlPr>
                        </m:sSubPr>
                        <m:e>
                          <m:r>
                            <a:rPr lang="en-US" i="1">
                              <a:latin typeface="Cambria Math" panose="02040503050406030204" pitchFamily="18" charset="0"/>
                            </a:rPr>
                            <m:t>𝐽</m:t>
                          </m:r>
                        </m:e>
                        <m:sub>
                          <m:r>
                            <a:rPr lang="en-US" i="1">
                              <a:latin typeface="Cambria Math" panose="02040503050406030204" pitchFamily="18" charset="0"/>
                            </a:rPr>
                            <m:t>𝑞</m:t>
                          </m:r>
                        </m:sub>
                      </m:sSub>
                      <m:r>
                        <a:rPr lang="en-US" i="1">
                          <a:latin typeface="Cambria Math" panose="02040503050406030204" pitchFamily="18" charset="0"/>
                        </a:rPr>
                        <m:t>(</m:t>
                      </m:r>
                      <m:r>
                        <a:rPr lang="en-US" i="1">
                          <a:latin typeface="Cambria Math" panose="02040503050406030204" pitchFamily="18" charset="0"/>
                        </a:rPr>
                        <m:t>𝑡</m:t>
                      </m:r>
                      <m:r>
                        <a:rPr lang="en-US" i="1">
                          <a:latin typeface="Cambria Math" panose="02040503050406030204" pitchFamily="18" charset="0"/>
                        </a:rPr>
                        <m:t>)</m:t>
                      </m:r>
                    </m:oMath>
                  </m:oMathPara>
                </a14:m>
                <a:endParaRPr lang="en-US" dirty="0"/>
              </a:p>
              <a:p>
                <a:pPr algn="l">
                  <a:spcBef>
                    <a:spcPts val="432"/>
                  </a:spcBef>
                </a:pPr>
                <a:endParaRPr lang="en-DK" dirty="0" err="1">
                  <a:latin typeface="+mn-lt"/>
                </a:endParaRPr>
              </a:p>
            </p:txBody>
          </p:sp>
        </mc:Choice>
        <mc:Fallback xmlns="">
          <p:sp>
            <p:nvSpPr>
              <p:cNvPr id="21" name="TextBox 20">
                <a:extLst>
                  <a:ext uri="{FF2B5EF4-FFF2-40B4-BE49-F238E27FC236}">
                    <a16:creationId xmlns:a16="http://schemas.microsoft.com/office/drawing/2014/main" id="{BE4E8F39-443B-4874-AE26-A2EF89D92397}"/>
                  </a:ext>
                </a:extLst>
              </p:cNvPr>
              <p:cNvSpPr txBox="1">
                <a:spLocks noRot="1" noChangeAspect="1" noMove="1" noResize="1" noEditPoints="1" noAdjustHandles="1" noChangeArrowheads="1" noChangeShapeType="1" noTextEdit="1"/>
              </p:cNvSpPr>
              <p:nvPr/>
            </p:nvSpPr>
            <p:spPr>
              <a:xfrm>
                <a:off x="5607392" y="2047747"/>
                <a:ext cx="2058577" cy="562718"/>
              </a:xfrm>
              <a:prstGeom prst="rect">
                <a:avLst/>
              </a:prstGeom>
              <a:blipFill>
                <a:blip r:embed="rId10"/>
                <a:stretch>
                  <a:fillRect r="-592"/>
                </a:stretch>
              </a:blipFill>
            </p:spPr>
            <p:txBody>
              <a:bodyPr/>
              <a:lstStyle/>
              <a:p>
                <a:r>
                  <a:rPr lang="en-DK">
                    <a:noFill/>
                  </a:rPr>
                  <a:t> </a:t>
                </a:r>
              </a:p>
            </p:txBody>
          </p:sp>
        </mc:Fallback>
      </mc:AlternateContent>
      <mc:AlternateContent xmlns:mc="http://schemas.openxmlformats.org/markup-compatibility/2006" xmlns:a14="http://schemas.microsoft.com/office/drawing/2010/main">
        <mc:Choice Requires="a14">
          <p:sp>
            <p:nvSpPr>
              <p:cNvPr id="23" name="TextBox 22">
                <a:extLst>
                  <a:ext uri="{FF2B5EF4-FFF2-40B4-BE49-F238E27FC236}">
                    <a16:creationId xmlns:a16="http://schemas.microsoft.com/office/drawing/2014/main" id="{3145B3C1-C916-4635-8036-CFD7ABC1D33E}"/>
                  </a:ext>
                </a:extLst>
              </p:cNvPr>
              <p:cNvSpPr txBox="1"/>
              <p:nvPr/>
            </p:nvSpPr>
            <p:spPr>
              <a:xfrm>
                <a:off x="5660229" y="2382058"/>
                <a:ext cx="1677254" cy="54373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𝑇</m:t>
                      </m:r>
                      <m:d>
                        <m:dPr>
                          <m:ctrlPr>
                            <a:rPr lang="en-US" b="0" i="1" smtClean="0">
                              <a:latin typeface="Cambria Math" panose="02040503050406030204" pitchFamily="18" charset="0"/>
                            </a:rPr>
                          </m:ctrlPr>
                        </m:dPr>
                        <m:e>
                          <m:r>
                            <a:rPr lang="en-US" b="0" i="1" smtClean="0">
                              <a:latin typeface="Cambria Math" panose="02040503050406030204" pitchFamily="18" charset="0"/>
                            </a:rPr>
                            <m:t>𝑟</m:t>
                          </m:r>
                          <m:r>
                            <a:rPr lang="en-US" b="0" i="1" smtClean="0">
                              <a:latin typeface="Cambria Math" panose="02040503050406030204" pitchFamily="18" charset="0"/>
                            </a:rPr>
                            <m:t>→∞,</m:t>
                          </m:r>
                          <m:r>
                            <a:rPr lang="en-US" b="0" i="1" smtClean="0">
                              <a:latin typeface="Cambria Math" panose="02040503050406030204" pitchFamily="18" charset="0"/>
                            </a:rPr>
                            <m:t>𝑡</m:t>
                          </m:r>
                        </m:e>
                      </m:d>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0</m:t>
                          </m:r>
                        </m:sub>
                      </m:sSub>
                    </m:oMath>
                  </m:oMathPara>
                </a14:m>
                <a:endParaRPr lang="en-US" dirty="0"/>
              </a:p>
              <a:p>
                <a:pPr algn="l">
                  <a:spcBef>
                    <a:spcPts val="432"/>
                  </a:spcBef>
                </a:pPr>
                <a:endParaRPr lang="en-DK" dirty="0" err="1">
                  <a:latin typeface="+mn-lt"/>
                </a:endParaRPr>
              </a:p>
            </p:txBody>
          </p:sp>
        </mc:Choice>
        <mc:Fallback xmlns="">
          <p:sp>
            <p:nvSpPr>
              <p:cNvPr id="23" name="TextBox 22">
                <a:extLst>
                  <a:ext uri="{FF2B5EF4-FFF2-40B4-BE49-F238E27FC236}">
                    <a16:creationId xmlns:a16="http://schemas.microsoft.com/office/drawing/2014/main" id="{3145B3C1-C916-4635-8036-CFD7ABC1D33E}"/>
                  </a:ext>
                </a:extLst>
              </p:cNvPr>
              <p:cNvSpPr txBox="1">
                <a:spLocks noRot="1" noChangeAspect="1" noMove="1" noResize="1" noEditPoints="1" noAdjustHandles="1" noChangeArrowheads="1" noChangeShapeType="1" noTextEdit="1"/>
              </p:cNvSpPr>
              <p:nvPr/>
            </p:nvSpPr>
            <p:spPr>
              <a:xfrm>
                <a:off x="5660229" y="2382058"/>
                <a:ext cx="1677254" cy="543739"/>
              </a:xfrm>
              <a:prstGeom prst="rect">
                <a:avLst/>
              </a:prstGeom>
              <a:blipFill>
                <a:blip r:embed="rId11"/>
                <a:stretch>
                  <a:fillRect/>
                </a:stretch>
              </a:blipFill>
            </p:spPr>
            <p:txBody>
              <a:bodyPr/>
              <a:lstStyle/>
              <a:p>
                <a:r>
                  <a:rPr lang="en-DK">
                    <a:noFill/>
                  </a:rPr>
                  <a:t> </a:t>
                </a:r>
              </a:p>
            </p:txBody>
          </p:sp>
        </mc:Fallback>
      </mc:AlternateContent>
      <p:sp>
        <p:nvSpPr>
          <p:cNvPr id="24" name="TextBox 23">
            <a:extLst>
              <a:ext uri="{FF2B5EF4-FFF2-40B4-BE49-F238E27FC236}">
                <a16:creationId xmlns:a16="http://schemas.microsoft.com/office/drawing/2014/main" id="{F0005F0C-14DE-484D-B8D3-FD4CE4F26117}"/>
              </a:ext>
            </a:extLst>
          </p:cNvPr>
          <p:cNvSpPr txBox="1"/>
          <p:nvPr/>
        </p:nvSpPr>
        <p:spPr>
          <a:xfrm>
            <a:off x="5693665" y="1706328"/>
            <a:ext cx="1844268" cy="246221"/>
          </a:xfrm>
          <a:prstGeom prst="rect">
            <a:avLst/>
          </a:prstGeom>
          <a:noFill/>
        </p:spPr>
        <p:txBody>
          <a:bodyPr wrap="square" lIns="0" tIns="0" rIns="0" bIns="0" rtlCol="0">
            <a:spAutoFit/>
          </a:bodyPr>
          <a:lstStyle/>
          <a:p>
            <a:pPr algn="l">
              <a:spcBef>
                <a:spcPts val="432"/>
              </a:spcBef>
            </a:pPr>
            <a:r>
              <a:rPr lang="en-US" i="1" dirty="0">
                <a:latin typeface="+mn-lt"/>
              </a:rPr>
              <a:t>Boundary conditions</a:t>
            </a:r>
            <a:endParaRPr lang="en-DK" i="1" dirty="0" err="1">
              <a:latin typeface="+mn-lt"/>
            </a:endParaRPr>
          </a:p>
        </p:txBody>
      </p:sp>
      <mc:AlternateContent xmlns:mc="http://schemas.openxmlformats.org/markup-compatibility/2006" xmlns:a14="http://schemas.microsoft.com/office/drawing/2010/main">
        <mc:Choice Requires="a14">
          <p:sp>
            <p:nvSpPr>
              <p:cNvPr id="25" name="TextBox 24">
                <a:extLst>
                  <a:ext uri="{FF2B5EF4-FFF2-40B4-BE49-F238E27FC236}">
                    <a16:creationId xmlns:a16="http://schemas.microsoft.com/office/drawing/2014/main" id="{1058162A-30E1-4B1F-8636-80A7C7340840}"/>
                  </a:ext>
                </a:extLst>
              </p:cNvPr>
              <p:cNvSpPr txBox="1"/>
              <p:nvPr/>
            </p:nvSpPr>
            <p:spPr>
              <a:xfrm>
                <a:off x="4734897" y="4226769"/>
                <a:ext cx="1360309" cy="461024"/>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𝐷𝐶</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𝑟</m:t>
                          </m:r>
                        </m:e>
                      </m:d>
                      <m:r>
                        <a:rPr lang="en-US" b="0" i="1" smtClean="0">
                          <a:latin typeface="Cambria Math" panose="02040503050406030204" pitchFamily="18" charset="0"/>
                        </a:rPr>
                        <m:t>=</m:t>
                      </m:r>
                      <m:f>
                        <m:fPr>
                          <m:ctrlPr>
                            <a:rPr lang="en-US" b="0" i="1" smtClean="0">
                              <a:latin typeface="Cambria Math" panose="02040503050406030204" pitchFamily="18" charset="0"/>
                            </a:rPr>
                          </m:ctrlPr>
                        </m:fPr>
                        <m:num>
                          <m:sSub>
                            <m:sSubPr>
                              <m:ctrlPr>
                                <a:rPr lang="en-US" b="0" i="1" smtClean="0">
                                  <a:latin typeface="Cambria Math" panose="02040503050406030204" pitchFamily="18" charset="0"/>
                                </a:rPr>
                              </m:ctrlPr>
                            </m:sSubPr>
                            <m:e>
                              <m:r>
                                <a:rPr lang="en-US" b="0" i="1" smtClean="0">
                                  <a:latin typeface="Cambria Math" panose="02040503050406030204" pitchFamily="18" charset="0"/>
                                </a:rPr>
                                <m:t>𝑃</m:t>
                              </m:r>
                            </m:e>
                            <m:sub>
                              <m:r>
                                <a:rPr lang="en-US" b="0" i="1" smtClean="0">
                                  <a:latin typeface="Cambria Math" panose="02040503050406030204" pitchFamily="18" charset="0"/>
                                </a:rPr>
                                <m:t>0</m:t>
                              </m:r>
                            </m:sub>
                          </m:sSub>
                        </m:num>
                        <m:den>
                          <m:r>
                            <a:rPr lang="en-US" b="0" i="1" smtClean="0">
                              <a:latin typeface="Cambria Math" panose="02040503050406030204" pitchFamily="18" charset="0"/>
                            </a:rPr>
                            <m:t>4</m:t>
                          </m:r>
                          <m:r>
                            <a:rPr lang="en-US" b="0" i="1" smtClean="0">
                              <a:latin typeface="Cambria Math" panose="02040503050406030204" pitchFamily="18" charset="0"/>
                            </a:rPr>
                            <m:t>𝜋𝜅</m:t>
                          </m:r>
                          <m:r>
                            <a:rPr lang="en-US" b="0" i="1" smtClean="0">
                              <a:latin typeface="Cambria Math" panose="02040503050406030204" pitchFamily="18" charset="0"/>
                            </a:rPr>
                            <m:t>𝑟</m:t>
                          </m:r>
                        </m:den>
                      </m:f>
                    </m:oMath>
                  </m:oMathPara>
                </a14:m>
                <a:endParaRPr lang="en-DK" dirty="0" err="1">
                  <a:latin typeface="+mn-lt"/>
                </a:endParaRPr>
              </a:p>
            </p:txBody>
          </p:sp>
        </mc:Choice>
        <mc:Fallback xmlns="">
          <p:sp>
            <p:nvSpPr>
              <p:cNvPr id="25" name="TextBox 24">
                <a:extLst>
                  <a:ext uri="{FF2B5EF4-FFF2-40B4-BE49-F238E27FC236}">
                    <a16:creationId xmlns:a16="http://schemas.microsoft.com/office/drawing/2014/main" id="{1058162A-30E1-4B1F-8636-80A7C7340840}"/>
                  </a:ext>
                </a:extLst>
              </p:cNvPr>
              <p:cNvSpPr txBox="1">
                <a:spLocks noRot="1" noChangeAspect="1" noMove="1" noResize="1" noEditPoints="1" noAdjustHandles="1" noChangeArrowheads="1" noChangeShapeType="1" noTextEdit="1"/>
              </p:cNvSpPr>
              <p:nvPr/>
            </p:nvSpPr>
            <p:spPr>
              <a:xfrm>
                <a:off x="4734897" y="4226769"/>
                <a:ext cx="1360309" cy="461024"/>
              </a:xfrm>
              <a:prstGeom prst="rect">
                <a:avLst/>
              </a:prstGeom>
              <a:blipFill>
                <a:blip r:embed="rId12"/>
                <a:stretch>
                  <a:fillRect/>
                </a:stretch>
              </a:blipFill>
            </p:spPr>
            <p:txBody>
              <a:bodyPr/>
              <a:lstStyle/>
              <a:p>
                <a:r>
                  <a:rPr lang="en-DK">
                    <a:noFill/>
                  </a:rPr>
                  <a:t> </a:t>
                </a:r>
              </a:p>
            </p:txBody>
          </p:sp>
        </mc:Fallback>
      </mc:AlternateContent>
      <p:cxnSp>
        <p:nvCxnSpPr>
          <p:cNvPr id="27" name="Straight Connector 26">
            <a:extLst>
              <a:ext uri="{FF2B5EF4-FFF2-40B4-BE49-F238E27FC236}">
                <a16:creationId xmlns:a16="http://schemas.microsoft.com/office/drawing/2014/main" id="{F662CF04-1663-4003-8FE4-23DAF87A5193}"/>
              </a:ext>
            </a:extLst>
          </p:cNvPr>
          <p:cNvCxnSpPr/>
          <p:nvPr/>
        </p:nvCxnSpPr>
        <p:spPr bwMode="auto">
          <a:xfrm>
            <a:off x="5172723" y="3933056"/>
            <a:ext cx="432048" cy="0"/>
          </a:xfrm>
          <a:prstGeom prst="line">
            <a:avLst/>
          </a:prstGeom>
          <a:solidFill>
            <a:schemeClr val="accent1"/>
          </a:solidFill>
          <a:ln w="19050" cap="flat" cmpd="sng" algn="ctr">
            <a:solidFill>
              <a:srgbClr val="FF0000"/>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8" name="Straight Connector 27">
            <a:extLst>
              <a:ext uri="{FF2B5EF4-FFF2-40B4-BE49-F238E27FC236}">
                <a16:creationId xmlns:a16="http://schemas.microsoft.com/office/drawing/2014/main" id="{557BCF29-E844-49B2-AC88-45D4CF3A7EE0}"/>
              </a:ext>
            </a:extLst>
          </p:cNvPr>
          <p:cNvCxnSpPr/>
          <p:nvPr/>
        </p:nvCxnSpPr>
        <p:spPr bwMode="auto">
          <a:xfrm>
            <a:off x="4799062" y="4797152"/>
            <a:ext cx="1296144" cy="0"/>
          </a:xfrm>
          <a:prstGeom prst="line">
            <a:avLst/>
          </a:prstGeom>
          <a:solidFill>
            <a:schemeClr val="accent1"/>
          </a:solidFill>
          <a:ln w="19050" cap="flat" cmpd="sng" algn="ctr">
            <a:solidFill>
              <a:srgbClr val="FF0000"/>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30" name="Straight Connector 29">
            <a:extLst>
              <a:ext uri="{FF2B5EF4-FFF2-40B4-BE49-F238E27FC236}">
                <a16:creationId xmlns:a16="http://schemas.microsoft.com/office/drawing/2014/main" id="{4F85F279-3239-4C6E-BFC2-157F6B1581AF}"/>
              </a:ext>
            </a:extLst>
          </p:cNvPr>
          <p:cNvCxnSpPr/>
          <p:nvPr/>
        </p:nvCxnSpPr>
        <p:spPr bwMode="auto">
          <a:xfrm>
            <a:off x="5839455" y="3933056"/>
            <a:ext cx="1407879" cy="0"/>
          </a:xfrm>
          <a:prstGeom prst="line">
            <a:avLst/>
          </a:prstGeom>
          <a:solidFill>
            <a:schemeClr val="accent1"/>
          </a:solidFill>
          <a:ln w="19050" cap="flat" cmpd="sng" algn="ctr">
            <a:solidFill>
              <a:srgbClr val="00B050"/>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32" name="TextBox 31">
                <a:extLst>
                  <a:ext uri="{FF2B5EF4-FFF2-40B4-BE49-F238E27FC236}">
                    <a16:creationId xmlns:a16="http://schemas.microsoft.com/office/drawing/2014/main" id="{7A0C8B71-7B30-4185-8B47-E598620C2130}"/>
                  </a:ext>
                </a:extLst>
              </p:cNvPr>
              <p:cNvSpPr txBox="1"/>
              <p:nvPr/>
            </p:nvSpPr>
            <p:spPr>
              <a:xfrm>
                <a:off x="2142628" y="5727560"/>
                <a:ext cx="5532925" cy="553228"/>
              </a:xfrm>
              <a:prstGeom prst="rect">
                <a:avLst/>
              </a:prstGeom>
              <a:noFill/>
            </p:spPr>
            <p:txBody>
              <a:bodyPr wrap="none" lIns="0" tIns="0" rIns="0" bIns="0" rtlCol="0">
                <a:spAutoFit/>
              </a:bodyPr>
              <a:lstStyle/>
              <a:p>
                <a:pPr>
                  <a:spcBef>
                    <a:spcPts val="432"/>
                  </a:spcBef>
                </a:pPr>
                <a14:m>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𝐴𝐶</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𝑟</m:t>
                        </m:r>
                        <m:r>
                          <a:rPr lang="en-US" b="0" i="1" smtClean="0">
                            <a:latin typeface="Cambria Math" panose="02040503050406030204" pitchFamily="18" charset="0"/>
                          </a:rPr>
                          <m:t>,</m:t>
                        </m:r>
                        <m:r>
                          <a:rPr lang="en-US" b="0" i="1" smtClean="0">
                            <a:latin typeface="Cambria Math" panose="02040503050406030204" pitchFamily="18" charset="0"/>
                          </a:rPr>
                          <m:t>𝑡</m:t>
                        </m:r>
                      </m:e>
                    </m:d>
                    <m:r>
                      <a:rPr lang="en-US" b="0" i="1" smtClean="0">
                        <a:latin typeface="Cambria Math" panose="02040503050406030204" pitchFamily="18" charset="0"/>
                      </a:rPr>
                      <m:t>=−</m:t>
                    </m:r>
                    <m:f>
                      <m:fPr>
                        <m:ctrlPr>
                          <a:rPr lang="en-US" i="1">
                            <a:latin typeface="Cambria Math" panose="02040503050406030204" pitchFamily="18" charset="0"/>
                          </a:rPr>
                        </m:ctrlPr>
                      </m:fPr>
                      <m:num>
                        <m:sSub>
                          <m:sSubPr>
                            <m:ctrlPr>
                              <a:rPr lang="en-US" i="1">
                                <a:latin typeface="Cambria Math" panose="02040503050406030204" pitchFamily="18" charset="0"/>
                              </a:rPr>
                            </m:ctrlPr>
                          </m:sSubPr>
                          <m:e>
                            <m:r>
                              <a:rPr lang="en-US" i="1">
                                <a:latin typeface="Cambria Math" panose="02040503050406030204" pitchFamily="18" charset="0"/>
                              </a:rPr>
                              <m:t>𝑃</m:t>
                            </m:r>
                          </m:e>
                          <m:sub>
                            <m:r>
                              <a:rPr lang="en-US" i="1">
                                <a:latin typeface="Cambria Math" panose="02040503050406030204" pitchFamily="18" charset="0"/>
                              </a:rPr>
                              <m:t>0</m:t>
                            </m:r>
                          </m:sub>
                        </m:sSub>
                      </m:num>
                      <m:den>
                        <m:r>
                          <a:rPr lang="en-US" i="1">
                            <a:latin typeface="Cambria Math" panose="02040503050406030204" pitchFamily="18" charset="0"/>
                          </a:rPr>
                          <m:t>4</m:t>
                        </m:r>
                        <m:r>
                          <a:rPr lang="en-US" i="1">
                            <a:latin typeface="Cambria Math" panose="02040503050406030204" pitchFamily="18" charset="0"/>
                          </a:rPr>
                          <m:t>𝜋𝜅</m:t>
                        </m:r>
                        <m:r>
                          <a:rPr lang="en-US" i="1">
                            <a:latin typeface="Cambria Math" panose="02040503050406030204" pitchFamily="18" charset="0"/>
                          </a:rPr>
                          <m:t>𝑟</m:t>
                        </m:r>
                      </m:den>
                    </m:f>
                    <m:r>
                      <m:rPr>
                        <m:sty m:val="p"/>
                      </m:rPr>
                      <a:rPr lang="en-US" b="0" i="0" smtClean="0">
                        <a:latin typeface="Cambria Math" panose="02040503050406030204" pitchFamily="18" charset="0"/>
                      </a:rPr>
                      <m:t>exp</m:t>
                    </m:r>
                    <m:d>
                      <m:dPr>
                        <m:ctrlPr>
                          <a:rPr lang="en-US" b="0" i="1" smtClean="0">
                            <a:latin typeface="Cambria Math" panose="02040503050406030204" pitchFamily="18" charset="0"/>
                          </a:rPr>
                        </m:ctrlPr>
                      </m:dPr>
                      <m:e>
                        <m:rad>
                          <m:radPr>
                            <m:degHide m:val="on"/>
                            <m:ctrlPr>
                              <a:rPr lang="en-US" b="0" i="1" smtClean="0">
                                <a:latin typeface="Cambria Math" panose="02040503050406030204" pitchFamily="18" charset="0"/>
                              </a:rPr>
                            </m:ctrlPr>
                          </m:radPr>
                          <m:deg/>
                          <m:e>
                            <m:f>
                              <m:fPr>
                                <m:ctrlPr>
                                  <a:rPr lang="en-US" b="0" i="1" smtClean="0">
                                    <a:latin typeface="Cambria Math" panose="02040503050406030204" pitchFamily="18" charset="0"/>
                                  </a:rPr>
                                </m:ctrlPr>
                              </m:fPr>
                              <m:num>
                                <m:sSub>
                                  <m:sSubPr>
                                    <m:ctrlPr>
                                      <a:rPr lang="en-US" b="0" i="1" smtClean="0">
                                        <a:latin typeface="Cambria Math" panose="02040503050406030204" pitchFamily="18" charset="0"/>
                                      </a:rPr>
                                    </m:ctrlPr>
                                  </m:sSubPr>
                                  <m:e>
                                    <m:r>
                                      <a:rPr lang="en-US" b="0" i="1" smtClean="0">
                                        <a:latin typeface="Cambria Math" panose="02040503050406030204" pitchFamily="18" charset="0"/>
                                      </a:rPr>
                                      <m:t>𝜔</m:t>
                                    </m:r>
                                  </m:e>
                                  <m:sub>
                                    <m:r>
                                      <a:rPr lang="en-US" b="0" i="1" smtClean="0">
                                        <a:latin typeface="Cambria Math" panose="02040503050406030204" pitchFamily="18" charset="0"/>
                                      </a:rPr>
                                      <m:t>0</m:t>
                                    </m:r>
                                  </m:sub>
                                </m:sSub>
                              </m:num>
                              <m:den>
                                <m:r>
                                  <a:rPr lang="en-US" b="0" i="1" smtClean="0">
                                    <a:latin typeface="Cambria Math" panose="02040503050406030204" pitchFamily="18" charset="0"/>
                                  </a:rPr>
                                  <m:t>𝐷</m:t>
                                </m:r>
                              </m:den>
                            </m:f>
                          </m:e>
                        </m:rad>
                        <m:r>
                          <a:rPr lang="en-US" b="0" i="1" smtClean="0">
                            <a:latin typeface="Cambria Math" panose="02040503050406030204" pitchFamily="18" charset="0"/>
                          </a:rPr>
                          <m:t>(</m:t>
                        </m:r>
                        <m:r>
                          <a:rPr lang="en-US" b="0" i="1" smtClean="0">
                            <a:latin typeface="Cambria Math" panose="02040503050406030204" pitchFamily="18" charset="0"/>
                          </a:rPr>
                          <m:t>𝑎</m:t>
                        </m:r>
                        <m:r>
                          <a:rPr lang="en-US" b="0" i="1" smtClean="0">
                            <a:latin typeface="Cambria Math" panose="02040503050406030204" pitchFamily="18" charset="0"/>
                          </a:rPr>
                          <m:t>−</m:t>
                        </m:r>
                        <m:r>
                          <a:rPr lang="en-US" b="0" i="1" smtClean="0">
                            <a:latin typeface="Cambria Math" panose="02040503050406030204" pitchFamily="18" charset="0"/>
                          </a:rPr>
                          <m:t>𝑟</m:t>
                        </m:r>
                        <m:r>
                          <a:rPr lang="en-US" b="0" i="1" smtClean="0">
                            <a:latin typeface="Cambria Math" panose="02040503050406030204" pitchFamily="18" charset="0"/>
                          </a:rPr>
                          <m:t>)</m:t>
                        </m:r>
                      </m:e>
                    </m:d>
                  </m:oMath>
                </a14:m>
                <a:r>
                  <a:rPr lang="en-US" dirty="0"/>
                  <a:t> </a:t>
                </a:r>
                <a14:m>
                  <m:oMath xmlns:m="http://schemas.openxmlformats.org/officeDocument/2006/math">
                    <m:r>
                      <m:rPr>
                        <m:sty m:val="p"/>
                      </m:rPr>
                      <a:rPr lang="en-US" dirty="0" smtClean="0">
                        <a:latin typeface="Cambria Math" panose="02040503050406030204" pitchFamily="18" charset="0"/>
                      </a:rPr>
                      <m:t>c</m:t>
                    </m:r>
                    <m:r>
                      <m:rPr>
                        <m:sty m:val="p"/>
                      </m:rPr>
                      <a:rPr lang="en-US" b="0" i="0" dirty="0" smtClean="0">
                        <a:latin typeface="Cambria Math" panose="02040503050406030204" pitchFamily="18" charset="0"/>
                      </a:rPr>
                      <m:t>os</m:t>
                    </m:r>
                    <m:d>
                      <m:dPr>
                        <m:ctrlPr>
                          <a:rPr lang="en-US" i="1">
                            <a:latin typeface="Cambria Math" panose="02040503050406030204" pitchFamily="18" charset="0"/>
                          </a:rPr>
                        </m:ctrlPr>
                      </m:dPr>
                      <m:e>
                        <m:rad>
                          <m:radPr>
                            <m:degHide m:val="on"/>
                            <m:ctrlPr>
                              <a:rPr lang="en-US" i="1">
                                <a:latin typeface="Cambria Math" panose="02040503050406030204" pitchFamily="18" charset="0"/>
                              </a:rPr>
                            </m:ctrlPr>
                          </m:radPr>
                          <m:deg/>
                          <m:e>
                            <m:f>
                              <m:fPr>
                                <m:ctrlPr>
                                  <a:rPr lang="en-US" i="1">
                                    <a:latin typeface="Cambria Math" panose="02040503050406030204" pitchFamily="18" charset="0"/>
                                  </a:rPr>
                                </m:ctrlPr>
                              </m:fPr>
                              <m:num>
                                <m:sSub>
                                  <m:sSubPr>
                                    <m:ctrlPr>
                                      <a:rPr lang="en-US" i="1">
                                        <a:latin typeface="Cambria Math" panose="02040503050406030204" pitchFamily="18" charset="0"/>
                                      </a:rPr>
                                    </m:ctrlPr>
                                  </m:sSubPr>
                                  <m:e>
                                    <m:r>
                                      <a:rPr lang="en-US" i="1">
                                        <a:latin typeface="Cambria Math" panose="02040503050406030204" pitchFamily="18" charset="0"/>
                                      </a:rPr>
                                      <m:t>𝜔</m:t>
                                    </m:r>
                                  </m:e>
                                  <m:sub>
                                    <m:r>
                                      <a:rPr lang="en-US" i="1">
                                        <a:latin typeface="Cambria Math" panose="02040503050406030204" pitchFamily="18" charset="0"/>
                                      </a:rPr>
                                      <m:t>0</m:t>
                                    </m:r>
                                  </m:sub>
                                </m:sSub>
                              </m:num>
                              <m:den>
                                <m:r>
                                  <a:rPr lang="en-US" i="1">
                                    <a:latin typeface="Cambria Math" panose="02040503050406030204" pitchFamily="18" charset="0"/>
                                  </a:rPr>
                                  <m:t>𝐷</m:t>
                                </m:r>
                              </m:den>
                            </m:f>
                          </m:e>
                        </m:rad>
                        <m:d>
                          <m:dPr>
                            <m:ctrlPr>
                              <a:rPr lang="en-US" i="1">
                                <a:latin typeface="Cambria Math" panose="02040503050406030204" pitchFamily="18" charset="0"/>
                              </a:rPr>
                            </m:ctrlPr>
                          </m:dPr>
                          <m:e>
                            <m:r>
                              <a:rPr lang="en-US" i="1">
                                <a:latin typeface="Cambria Math" panose="02040503050406030204" pitchFamily="18" charset="0"/>
                              </a:rPr>
                              <m:t>𝑎</m:t>
                            </m:r>
                            <m:r>
                              <a:rPr lang="en-US" i="1">
                                <a:latin typeface="Cambria Math" panose="02040503050406030204" pitchFamily="18" charset="0"/>
                              </a:rPr>
                              <m:t>−</m:t>
                            </m:r>
                            <m:r>
                              <a:rPr lang="en-US" i="1">
                                <a:latin typeface="Cambria Math" panose="02040503050406030204" pitchFamily="18" charset="0"/>
                              </a:rPr>
                              <m:t>𝑟</m:t>
                            </m:r>
                          </m:e>
                        </m:d>
                        <m:r>
                          <a:rPr lang="en-US" b="0" i="1" smtClean="0">
                            <a:latin typeface="Cambria Math" panose="02040503050406030204" pitchFamily="18" charset="0"/>
                          </a:rPr>
                          <m:t>+2</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𝜔</m:t>
                            </m:r>
                          </m:e>
                          <m:sub>
                            <m:r>
                              <a:rPr lang="en-US" b="0" i="1" smtClean="0">
                                <a:latin typeface="Cambria Math" panose="02040503050406030204" pitchFamily="18" charset="0"/>
                              </a:rPr>
                              <m:t>0</m:t>
                            </m:r>
                          </m:sub>
                        </m:sSub>
                        <m:r>
                          <a:rPr lang="en-US" b="0" i="1" smtClean="0">
                            <a:latin typeface="Cambria Math" panose="02040503050406030204" pitchFamily="18" charset="0"/>
                          </a:rPr>
                          <m:t>𝑡</m:t>
                        </m:r>
                      </m:e>
                    </m:d>
                  </m:oMath>
                </a14:m>
                <a:endParaRPr lang="en-DK" dirty="0" err="1">
                  <a:latin typeface="+mn-lt"/>
                </a:endParaRPr>
              </a:p>
            </p:txBody>
          </p:sp>
        </mc:Choice>
        <mc:Fallback xmlns="">
          <p:sp>
            <p:nvSpPr>
              <p:cNvPr id="32" name="TextBox 31">
                <a:extLst>
                  <a:ext uri="{FF2B5EF4-FFF2-40B4-BE49-F238E27FC236}">
                    <a16:creationId xmlns:a16="http://schemas.microsoft.com/office/drawing/2014/main" id="{7A0C8B71-7B30-4185-8B47-E598620C2130}"/>
                  </a:ext>
                </a:extLst>
              </p:cNvPr>
              <p:cNvSpPr txBox="1">
                <a:spLocks noRot="1" noChangeAspect="1" noMove="1" noResize="1" noEditPoints="1" noAdjustHandles="1" noChangeArrowheads="1" noChangeShapeType="1" noTextEdit="1"/>
              </p:cNvSpPr>
              <p:nvPr/>
            </p:nvSpPr>
            <p:spPr>
              <a:xfrm>
                <a:off x="2142628" y="5727560"/>
                <a:ext cx="5532925" cy="553228"/>
              </a:xfrm>
              <a:prstGeom prst="rect">
                <a:avLst/>
              </a:prstGeom>
              <a:blipFill>
                <a:blip r:embed="rId13"/>
                <a:stretch>
                  <a:fillRect b="-1111"/>
                </a:stretch>
              </a:blipFill>
            </p:spPr>
            <p:txBody>
              <a:bodyPr/>
              <a:lstStyle/>
              <a:p>
                <a:r>
                  <a:rPr lang="en-DK">
                    <a:noFill/>
                  </a:rPr>
                  <a:t> </a:t>
                </a:r>
              </a:p>
            </p:txBody>
          </p:sp>
        </mc:Fallback>
      </mc:AlternateContent>
      <p:cxnSp>
        <p:nvCxnSpPr>
          <p:cNvPr id="33" name="Straight Connector 32">
            <a:extLst>
              <a:ext uri="{FF2B5EF4-FFF2-40B4-BE49-F238E27FC236}">
                <a16:creationId xmlns:a16="http://schemas.microsoft.com/office/drawing/2014/main" id="{A6EC9E09-F130-4A24-A3C5-56B9C7CACF3F}"/>
              </a:ext>
            </a:extLst>
          </p:cNvPr>
          <p:cNvCxnSpPr/>
          <p:nvPr/>
        </p:nvCxnSpPr>
        <p:spPr bwMode="auto">
          <a:xfrm>
            <a:off x="2142628" y="6381328"/>
            <a:ext cx="5467883" cy="0"/>
          </a:xfrm>
          <a:prstGeom prst="line">
            <a:avLst/>
          </a:prstGeom>
          <a:solidFill>
            <a:schemeClr val="accent1"/>
          </a:solidFill>
          <a:ln w="19050" cap="flat" cmpd="sng" algn="ctr">
            <a:solidFill>
              <a:srgbClr val="00B050"/>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5" name="TextBox 34">
            <a:extLst>
              <a:ext uri="{FF2B5EF4-FFF2-40B4-BE49-F238E27FC236}">
                <a16:creationId xmlns:a16="http://schemas.microsoft.com/office/drawing/2014/main" id="{58E4CDA0-1EC2-40DA-BE44-2240EFC8AAA2}"/>
              </a:ext>
            </a:extLst>
          </p:cNvPr>
          <p:cNvSpPr txBox="1"/>
          <p:nvPr/>
        </p:nvSpPr>
        <p:spPr>
          <a:xfrm>
            <a:off x="8211581" y="4082019"/>
            <a:ext cx="3672407" cy="2031325"/>
          </a:xfrm>
          <a:prstGeom prst="rect">
            <a:avLst/>
          </a:prstGeom>
          <a:noFill/>
        </p:spPr>
        <p:txBody>
          <a:bodyPr wrap="square" lIns="0" tIns="0" rIns="0" bIns="0" rtlCol="0">
            <a:spAutoFit/>
          </a:bodyPr>
          <a:lstStyle/>
          <a:p>
            <a:pPr algn="l">
              <a:spcBef>
                <a:spcPts val="432"/>
              </a:spcBef>
            </a:pPr>
            <a:r>
              <a:rPr lang="en-US" b="1" dirty="0">
                <a:latin typeface="+mn-lt"/>
              </a:rPr>
              <a:t>Construction of solution</a:t>
            </a:r>
          </a:p>
          <a:p>
            <a:pPr marL="285750" indent="-285750" algn="l">
              <a:spcBef>
                <a:spcPts val="432"/>
              </a:spcBef>
              <a:buFont typeface="Arial" panose="020B0604020202020204" pitchFamily="34" charset="0"/>
              <a:buChar char="•"/>
            </a:pPr>
            <a:r>
              <a:rPr lang="en-US" dirty="0">
                <a:latin typeface="+mn-lt"/>
              </a:rPr>
              <a:t>Single probe</a:t>
            </a:r>
          </a:p>
          <a:p>
            <a:pPr marL="285750" indent="-285750" algn="l">
              <a:spcBef>
                <a:spcPts val="432"/>
              </a:spcBef>
              <a:buFont typeface="Arial" panose="020B0604020202020204" pitchFamily="34" charset="0"/>
              <a:buChar char="•"/>
            </a:pPr>
            <a:endParaRPr lang="en-US" dirty="0">
              <a:latin typeface="+mn-lt"/>
            </a:endParaRPr>
          </a:p>
          <a:p>
            <a:pPr marL="285750" indent="-285750" algn="l">
              <a:spcBef>
                <a:spcPts val="432"/>
              </a:spcBef>
              <a:buFont typeface="Arial" panose="020B0604020202020204" pitchFamily="34" charset="0"/>
              <a:buChar char="•"/>
            </a:pPr>
            <a:endParaRPr lang="en-US" dirty="0">
              <a:latin typeface="+mn-lt"/>
            </a:endParaRPr>
          </a:p>
          <a:p>
            <a:pPr marL="285750" indent="-285750" algn="l">
              <a:spcBef>
                <a:spcPts val="432"/>
              </a:spcBef>
              <a:buFont typeface="Arial" panose="020B0604020202020204" pitchFamily="34" charset="0"/>
              <a:buChar char="•"/>
            </a:pPr>
            <a:r>
              <a:rPr lang="en-US" dirty="0">
                <a:latin typeface="+mn-lt"/>
              </a:rPr>
              <a:t>Two probes</a:t>
            </a:r>
          </a:p>
          <a:p>
            <a:pPr marL="285750" indent="-285750" algn="l">
              <a:spcBef>
                <a:spcPts val="432"/>
              </a:spcBef>
              <a:buFont typeface="Arial" panose="020B0604020202020204" pitchFamily="34" charset="0"/>
              <a:buChar char="•"/>
            </a:pPr>
            <a:endParaRPr lang="en-US" dirty="0">
              <a:latin typeface="+mn-lt"/>
            </a:endParaRPr>
          </a:p>
          <a:p>
            <a:pPr marL="285750" indent="-285750" algn="l">
              <a:spcBef>
                <a:spcPts val="432"/>
              </a:spcBef>
              <a:buFont typeface="Arial" panose="020B0604020202020204" pitchFamily="34" charset="0"/>
              <a:buChar char="•"/>
            </a:pPr>
            <a:endParaRPr lang="en-DK" dirty="0" err="1">
              <a:latin typeface="+mn-lt"/>
            </a:endParaRPr>
          </a:p>
        </p:txBody>
      </p:sp>
      <mc:AlternateContent xmlns:mc="http://schemas.openxmlformats.org/markup-compatibility/2006" xmlns:a14="http://schemas.microsoft.com/office/drawing/2010/main">
        <mc:Choice Requires="a14">
          <p:sp>
            <p:nvSpPr>
              <p:cNvPr id="37" name="TextBox 36">
                <a:extLst>
                  <a:ext uri="{FF2B5EF4-FFF2-40B4-BE49-F238E27FC236}">
                    <a16:creationId xmlns:a16="http://schemas.microsoft.com/office/drawing/2014/main" id="{C0D2366E-5FEA-44ED-AFF4-551EBFD2364B}"/>
                  </a:ext>
                </a:extLst>
              </p:cNvPr>
              <p:cNvSpPr txBox="1"/>
              <p:nvPr/>
            </p:nvSpPr>
            <p:spPr>
              <a:xfrm>
                <a:off x="7546588" y="4803961"/>
                <a:ext cx="4104456" cy="246221"/>
              </a:xfrm>
              <a:prstGeom prst="rect">
                <a:avLst/>
              </a:prstGeom>
              <a:noFill/>
            </p:spPr>
            <p:txBody>
              <a:bodyPr wrap="squar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𝑇</m:t>
                      </m:r>
                      <m:d>
                        <m:dPr>
                          <m:ctrlPr>
                            <a:rPr lang="en-US" b="0" i="1" smtClean="0">
                              <a:latin typeface="Cambria Math" panose="02040503050406030204" pitchFamily="18" charset="0"/>
                            </a:rPr>
                          </m:ctrlPr>
                        </m:dPr>
                        <m:e>
                          <m:r>
                            <a:rPr lang="en-US" b="0" i="1" smtClean="0">
                              <a:latin typeface="Cambria Math" panose="02040503050406030204" pitchFamily="18" charset="0"/>
                            </a:rPr>
                            <m:t>𝑟</m:t>
                          </m:r>
                          <m:r>
                            <a:rPr lang="en-US" b="0" i="1" smtClean="0">
                              <a:latin typeface="Cambria Math" panose="02040503050406030204" pitchFamily="18" charset="0"/>
                            </a:rPr>
                            <m:t>,</m:t>
                          </m:r>
                          <m:r>
                            <a:rPr lang="en-US" b="0" i="1" smtClean="0">
                              <a:latin typeface="Cambria Math" panose="02040503050406030204" pitchFamily="18" charset="0"/>
                            </a:rPr>
                            <m:t>𝑡</m:t>
                          </m:r>
                        </m:e>
                      </m:d>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𝐷𝐶</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𝑟</m:t>
                          </m:r>
                        </m:e>
                      </m:d>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𝐴𝐶</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𝑟</m:t>
                          </m:r>
                          <m:r>
                            <a:rPr lang="en-US" b="0" i="1" smtClean="0">
                              <a:latin typeface="Cambria Math" panose="02040503050406030204" pitchFamily="18" charset="0"/>
                            </a:rPr>
                            <m:t>,</m:t>
                          </m:r>
                          <m:r>
                            <a:rPr lang="en-US" b="0" i="1" smtClean="0">
                              <a:latin typeface="Cambria Math" panose="02040503050406030204" pitchFamily="18" charset="0"/>
                            </a:rPr>
                            <m:t>𝑡</m:t>
                          </m:r>
                        </m:e>
                      </m:d>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0</m:t>
                          </m:r>
                        </m:sub>
                      </m:sSub>
                    </m:oMath>
                  </m:oMathPara>
                </a14:m>
                <a:endParaRPr lang="en-DK" dirty="0" err="1">
                  <a:latin typeface="+mn-lt"/>
                </a:endParaRPr>
              </a:p>
            </p:txBody>
          </p:sp>
        </mc:Choice>
        <mc:Fallback xmlns="">
          <p:sp>
            <p:nvSpPr>
              <p:cNvPr id="37" name="TextBox 36">
                <a:extLst>
                  <a:ext uri="{FF2B5EF4-FFF2-40B4-BE49-F238E27FC236}">
                    <a16:creationId xmlns:a16="http://schemas.microsoft.com/office/drawing/2014/main" id="{C0D2366E-5FEA-44ED-AFF4-551EBFD2364B}"/>
                  </a:ext>
                </a:extLst>
              </p:cNvPr>
              <p:cNvSpPr txBox="1">
                <a:spLocks noRot="1" noChangeAspect="1" noMove="1" noResize="1" noEditPoints="1" noAdjustHandles="1" noChangeArrowheads="1" noChangeShapeType="1" noTextEdit="1"/>
              </p:cNvSpPr>
              <p:nvPr/>
            </p:nvSpPr>
            <p:spPr>
              <a:xfrm>
                <a:off x="7546588" y="4803961"/>
                <a:ext cx="4104456" cy="246221"/>
              </a:xfrm>
              <a:prstGeom prst="rect">
                <a:avLst/>
              </a:prstGeom>
              <a:blipFill>
                <a:blip r:embed="rId14"/>
                <a:stretch>
                  <a:fillRect b="-17500"/>
                </a:stretch>
              </a:blipFill>
            </p:spPr>
            <p:txBody>
              <a:bodyPr/>
              <a:lstStyle/>
              <a:p>
                <a:r>
                  <a:rPr lang="en-DK">
                    <a:noFill/>
                  </a:rPr>
                  <a:t> </a:t>
                </a:r>
              </a:p>
            </p:txBody>
          </p:sp>
        </mc:Fallback>
      </mc:AlternateContent>
      <mc:AlternateContent xmlns:mc="http://schemas.openxmlformats.org/markup-compatibility/2006" xmlns:a14="http://schemas.microsoft.com/office/drawing/2010/main">
        <mc:Choice Requires="a14">
          <p:sp>
            <p:nvSpPr>
              <p:cNvPr id="39" name="TextBox 38">
                <a:extLst>
                  <a:ext uri="{FF2B5EF4-FFF2-40B4-BE49-F238E27FC236}">
                    <a16:creationId xmlns:a16="http://schemas.microsoft.com/office/drawing/2014/main" id="{3AAF5A7D-A0D0-4843-B472-41D82E6CAC83}"/>
                  </a:ext>
                </a:extLst>
              </p:cNvPr>
              <p:cNvSpPr txBox="1"/>
              <p:nvPr/>
            </p:nvSpPr>
            <p:spPr>
              <a:xfrm>
                <a:off x="7605110" y="5698242"/>
                <a:ext cx="4885348" cy="246221"/>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𝑑𝑢𝑎𝑙</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𝑟</m:t>
                          </m:r>
                          <m:r>
                            <a:rPr lang="en-US" b="0" i="1" smtClean="0">
                              <a:latin typeface="Cambria Math" panose="02040503050406030204" pitchFamily="18" charset="0"/>
                            </a:rPr>
                            <m:t>,</m:t>
                          </m:r>
                          <m:r>
                            <a:rPr lang="en-US" b="0" i="1" smtClean="0">
                              <a:latin typeface="Cambria Math" panose="02040503050406030204" pitchFamily="18" charset="0"/>
                            </a:rPr>
                            <m:t>𝑡</m:t>
                          </m:r>
                        </m:e>
                      </m:d>
                      <m:r>
                        <a:rPr lang="en-US" b="0" i="1" smtClean="0">
                          <a:latin typeface="Cambria Math" panose="02040503050406030204" pitchFamily="18" charset="0"/>
                        </a:rPr>
                        <m:t>=</m:t>
                      </m:r>
                      <m:r>
                        <a:rPr lang="en-US" b="0" i="1" smtClean="0">
                          <a:latin typeface="Cambria Math" panose="02040503050406030204" pitchFamily="18" charset="0"/>
                        </a:rPr>
                        <m:t>𝑇</m:t>
                      </m:r>
                      <m:d>
                        <m:dPr>
                          <m:ctrlPr>
                            <a:rPr lang="en-US" i="1">
                              <a:latin typeface="Cambria Math" panose="02040503050406030204" pitchFamily="18" charset="0"/>
                            </a:rPr>
                          </m:ctrlPr>
                        </m:dPr>
                        <m:e>
                          <m:r>
                            <a:rPr lang="en-US" i="1">
                              <a:latin typeface="Cambria Math" panose="02040503050406030204" pitchFamily="18" charset="0"/>
                            </a:rPr>
                            <m:t>𝑟</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𝑟</m:t>
                              </m:r>
                            </m:e>
                            <m:sub>
                              <m:r>
                                <a:rPr lang="en-US" b="0" i="1" smtClean="0">
                                  <a:latin typeface="Cambria Math" panose="02040503050406030204" pitchFamily="18" charset="0"/>
                                </a:rPr>
                                <m:t>1</m:t>
                              </m:r>
                            </m:sub>
                          </m:sSub>
                          <m:r>
                            <a:rPr lang="en-US" i="1">
                              <a:latin typeface="Cambria Math" panose="02040503050406030204" pitchFamily="18" charset="0"/>
                            </a:rPr>
                            <m:t>,</m:t>
                          </m:r>
                          <m:r>
                            <a:rPr lang="en-US" i="1">
                              <a:latin typeface="Cambria Math" panose="02040503050406030204" pitchFamily="18" charset="0"/>
                            </a:rPr>
                            <m:t>𝑡</m:t>
                          </m:r>
                        </m:e>
                      </m:d>
                      <m:r>
                        <a:rPr lang="en-US" b="0" i="1" smtClean="0">
                          <a:latin typeface="Cambria Math" panose="02040503050406030204" pitchFamily="18" charset="0"/>
                        </a:rPr>
                        <m:t>+</m:t>
                      </m:r>
                      <m:r>
                        <a:rPr lang="en-US" b="0" i="1" smtClean="0">
                          <a:latin typeface="Cambria Math" panose="02040503050406030204" pitchFamily="18" charset="0"/>
                        </a:rPr>
                        <m:t>𝑇</m:t>
                      </m:r>
                      <m:d>
                        <m:dPr>
                          <m:ctrlPr>
                            <a:rPr lang="en-US" i="1">
                              <a:latin typeface="Cambria Math" panose="02040503050406030204" pitchFamily="18" charset="0"/>
                            </a:rPr>
                          </m:ctrlPr>
                        </m:dPr>
                        <m:e>
                          <m:r>
                            <a:rPr lang="en-US" i="1">
                              <a:latin typeface="Cambria Math" panose="02040503050406030204" pitchFamily="18" charset="0"/>
                            </a:rPr>
                            <m:t>𝑟</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𝑟</m:t>
                              </m:r>
                            </m:e>
                            <m:sub>
                              <m:r>
                                <a:rPr lang="en-US" b="0" i="1" smtClean="0">
                                  <a:latin typeface="Cambria Math" panose="02040503050406030204" pitchFamily="18" charset="0"/>
                                </a:rPr>
                                <m:t>2</m:t>
                              </m:r>
                            </m:sub>
                          </m:sSub>
                          <m:r>
                            <a:rPr lang="en-US" i="1">
                              <a:latin typeface="Cambria Math" panose="02040503050406030204" pitchFamily="18" charset="0"/>
                            </a:rPr>
                            <m:t>,</m:t>
                          </m:r>
                          <m:r>
                            <a:rPr lang="en-US" i="1">
                              <a:latin typeface="Cambria Math" panose="02040503050406030204" pitchFamily="18" charset="0"/>
                            </a:rPr>
                            <m:t>𝑡</m:t>
                          </m:r>
                        </m:e>
                      </m:d>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0</m:t>
                          </m:r>
                        </m:sub>
                      </m:sSub>
                    </m:oMath>
                  </m:oMathPara>
                </a14:m>
                <a:endParaRPr lang="en-DK" dirty="0" err="1">
                  <a:latin typeface="+mn-lt"/>
                </a:endParaRPr>
              </a:p>
            </p:txBody>
          </p:sp>
        </mc:Choice>
        <mc:Fallback xmlns="">
          <p:sp>
            <p:nvSpPr>
              <p:cNvPr id="39" name="TextBox 38">
                <a:extLst>
                  <a:ext uri="{FF2B5EF4-FFF2-40B4-BE49-F238E27FC236}">
                    <a16:creationId xmlns:a16="http://schemas.microsoft.com/office/drawing/2014/main" id="{3AAF5A7D-A0D0-4843-B472-41D82E6CAC83}"/>
                  </a:ext>
                </a:extLst>
              </p:cNvPr>
              <p:cNvSpPr txBox="1">
                <a:spLocks noRot="1" noChangeAspect="1" noMove="1" noResize="1" noEditPoints="1" noAdjustHandles="1" noChangeArrowheads="1" noChangeShapeType="1" noTextEdit="1"/>
              </p:cNvSpPr>
              <p:nvPr/>
            </p:nvSpPr>
            <p:spPr>
              <a:xfrm>
                <a:off x="7605110" y="5698242"/>
                <a:ext cx="4885348" cy="246221"/>
              </a:xfrm>
              <a:prstGeom prst="rect">
                <a:avLst/>
              </a:prstGeom>
              <a:blipFill>
                <a:blip r:embed="rId15"/>
                <a:stretch>
                  <a:fillRect b="-17500"/>
                </a:stretch>
              </a:blipFill>
            </p:spPr>
            <p:txBody>
              <a:bodyPr/>
              <a:lstStyle/>
              <a:p>
                <a:r>
                  <a:rPr lang="en-DK">
                    <a:noFill/>
                  </a:rPr>
                  <a:t> </a:t>
                </a:r>
              </a:p>
            </p:txBody>
          </p:sp>
        </mc:Fallback>
      </mc:AlternateContent>
      <p:pic>
        <p:nvPicPr>
          <p:cNvPr id="18" name="Audio 17">
            <a:hlinkClick r:id="" action="ppaction://media"/>
            <a:extLst>
              <a:ext uri="{FF2B5EF4-FFF2-40B4-BE49-F238E27FC236}">
                <a16:creationId xmlns:a16="http://schemas.microsoft.com/office/drawing/2014/main" id="{37DC9BC1-83E5-48D5-AF37-78F25FF4CE43}"/>
              </a:ext>
            </a:extLst>
          </p:cNvPr>
          <p:cNvPicPr>
            <a:picLocks noChangeAspect="1"/>
          </p:cNvPicPr>
          <p:nvPr>
            <a:audioFile r:link="rId2"/>
            <p:extLst>
              <p:ext uri="{DAA4B4D4-6D71-4841-9C94-3DE7FCFB9230}">
                <p14:media xmlns:p14="http://schemas.microsoft.com/office/powerpoint/2010/main" r:embed="rId1"/>
              </p:ext>
            </p:extLst>
          </p:nvPr>
        </p:nvPicPr>
        <p:blipFill>
          <a:blip r:embed="rId16"/>
          <a:stretch>
            <a:fillRect/>
          </a:stretch>
        </p:blipFill>
        <p:spPr>
          <a:xfrm>
            <a:off x="11487150" y="6154738"/>
            <a:ext cx="487363" cy="487362"/>
          </a:xfrm>
          <a:prstGeom prst="rect">
            <a:avLst/>
          </a:prstGeom>
        </p:spPr>
      </p:pic>
    </p:spTree>
    <p:extLst>
      <p:ext uri="{BB962C8B-B14F-4D97-AF65-F5344CB8AC3E}">
        <p14:creationId xmlns:p14="http://schemas.microsoft.com/office/powerpoint/2010/main" val="3213846115"/>
      </p:ext>
    </p:extLst>
  </p:cSld>
  <p:clrMapOvr>
    <a:masterClrMapping/>
  </p:clrMapOvr>
  <mc:AlternateContent xmlns:mc="http://schemas.openxmlformats.org/markup-compatibility/2006">
    <mc:Choice xmlns:p14="http://schemas.microsoft.com/office/powerpoint/2010/main" Requires="p14">
      <p:transition spd="slow" p14:dur="2000" advTm="87002"/>
    </mc:Choice>
    <mc:Fallback>
      <p:transition spd="slow" advTm="87002"/>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8"/>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18"/>
                </p:tgtEl>
              </p:cMediaNode>
            </p:audio>
          </p:childTnLst>
        </p:cTn>
      </p:par>
    </p:tnLst>
  </p:timing>
  <p:extLst>
    <p:ext uri="{3A86A75C-4F4B-4683-9AE1-C65F6400EC91}">
      <p14:laserTraceLst xmlns:p14="http://schemas.microsoft.com/office/powerpoint/2010/main">
        <p14:tracePtLst>
          <p14:tracePt t="5242" x="1987550" y="2387600"/>
          <p14:tracePt t="5249" x="2420938" y="2422525"/>
          <p14:tracePt t="5256" x="2922588" y="2463800"/>
          <p14:tracePt t="5262" x="3305175" y="2481263"/>
          <p14:tracePt t="5269" x="3713163" y="2498725"/>
          <p14:tracePt t="5277" x="4146550" y="2516188"/>
          <p14:tracePt t="5283" x="4494213" y="2516188"/>
          <p14:tracePt t="5290" x="4868863" y="2516188"/>
          <p14:tracePt t="5297" x="5241925" y="2516188"/>
          <p14:tracePt t="5305" x="5565775" y="2532063"/>
          <p14:tracePt t="5311" x="5913438" y="2532063"/>
          <p14:tracePt t="5318" x="6210300" y="2549525"/>
          <p14:tracePt t="5325" x="6499225" y="2549525"/>
          <p14:tracePt t="5332" x="6711950" y="2566988"/>
          <p14:tracePt t="5340" x="6864350" y="2566988"/>
          <p14:tracePt t="5346" x="6992938" y="2574925"/>
          <p14:tracePt t="5352" x="7094538" y="2574925"/>
          <p14:tracePt t="5359" x="7178675" y="2574925"/>
          <p14:tracePt t="5366" x="7221538" y="2574925"/>
          <p14:tracePt t="5374" x="7256463" y="2574925"/>
          <p14:tracePt t="5380" x="7272338" y="2574925"/>
          <p14:tracePt t="5387" x="7297738" y="2574925"/>
          <p14:tracePt t="5394" x="7323138" y="2574925"/>
          <p14:tracePt t="5401" x="7332663" y="2574925"/>
          <p14:tracePt t="5408" x="7348538" y="2574925"/>
          <p14:tracePt t="5415" x="7366000" y="2574925"/>
          <p14:tracePt t="5422" x="7373938" y="2574925"/>
          <p14:tracePt t="5429" x="7391400" y="2566988"/>
          <p14:tracePt t="5435" x="7408863" y="2557463"/>
          <p14:tracePt t="5442" x="7416800" y="2549525"/>
          <p14:tracePt t="5449" x="7442200" y="2532063"/>
          <p14:tracePt t="5457" x="7493000" y="2498725"/>
          <p14:tracePt t="5463" x="7535863" y="2430463"/>
          <p14:tracePt t="5469" x="7502525" y="2489200"/>
          <p14:tracePt t="5691" x="7723188" y="2422525"/>
          <p14:tracePt t="5698" x="7935913" y="2354263"/>
          <p14:tracePt t="5706" x="8045450" y="2319338"/>
          <p14:tracePt t="5712" x="8121650" y="2303463"/>
          <p14:tracePt t="5719" x="8181975" y="2293938"/>
          <p14:tracePt t="5726" x="8240713" y="2286000"/>
          <p14:tracePt t="5733" x="8275638" y="2278063"/>
          <p14:tracePt t="5740" x="8291513" y="2268538"/>
          <p14:tracePt t="5747" x="8308975" y="2268538"/>
          <p14:tracePt t="5755" x="8326438" y="2260600"/>
          <p14:tracePt t="5767" x="8343900" y="2260600"/>
          <p14:tracePt t="5774" x="8351838" y="2260600"/>
          <p14:tracePt t="5809" x="8359775" y="2260600"/>
          <p14:tracePt t="5816" x="8359775" y="2252663"/>
          <p14:tracePt t="5823" x="8369300" y="2252663"/>
          <p14:tracePt t="5837" x="8369300" y="2243138"/>
          <p14:tracePt t="5850" x="8369300" y="2235200"/>
          <p14:tracePt t="5858" x="8377238" y="2235200"/>
          <p14:tracePt t="5872" x="8385175" y="2235200"/>
          <p14:tracePt t="5885" x="8385175" y="2227263"/>
          <p14:tracePt t="5892" x="8394700" y="2217738"/>
          <p14:tracePt t="5913" x="8394700" y="2209800"/>
          <p14:tracePt t="5920" x="8394700" y="2200275"/>
          <p14:tracePt t="5927" x="8394700" y="2192338"/>
          <p14:tracePt t="5941" x="8394700" y="2184400"/>
          <p14:tracePt t="5956" x="8394700" y="2174875"/>
          <p14:tracePt t="5968" x="8394700" y="2166938"/>
          <p14:tracePt t="5975" x="8394700" y="2159000"/>
          <p14:tracePt t="5982" x="8394700" y="2149475"/>
          <p14:tracePt t="6003" x="8394700" y="2141538"/>
          <p14:tracePt t="6010" x="8394700" y="2133600"/>
          <p14:tracePt t="6024" x="8402638" y="2124075"/>
          <p14:tracePt t="6030" x="8402638" y="2116138"/>
          <p14:tracePt t="6039" x="8402638" y="2108200"/>
          <p14:tracePt t="6045" x="8410575" y="2108200"/>
          <p14:tracePt t="6051" x="8410575" y="2098675"/>
          <p14:tracePt t="6058" x="8420100" y="2090738"/>
          <p14:tracePt t="6065" x="8428038" y="2090738"/>
          <p14:tracePt t="6073" x="8435975" y="2082800"/>
          <p14:tracePt t="6079" x="8435975" y="2073275"/>
          <p14:tracePt t="6086" x="8435975" y="2065338"/>
          <p14:tracePt t="6093" x="8445500" y="2065338"/>
          <p14:tracePt t="6099" x="8453438" y="2065338"/>
          <p14:tracePt t="6113" x="8462963" y="2065338"/>
          <p14:tracePt t="6121" x="8470900" y="2065338"/>
          <p14:tracePt t="6127" x="8478838" y="2065338"/>
          <p14:tracePt t="6148" x="8488363" y="2065338"/>
          <p14:tracePt t="6155" x="8496300" y="2065338"/>
          <p14:tracePt t="6169" x="8504238" y="2065338"/>
          <p14:tracePt t="6176" x="8513763" y="2073275"/>
          <p14:tracePt t="6183" x="8521700" y="2073275"/>
          <p14:tracePt t="6197" x="8529638" y="2073275"/>
          <p14:tracePt t="6203" x="8539163" y="2073275"/>
          <p14:tracePt t="6210" x="8555038" y="2073275"/>
          <p14:tracePt t="6217" x="8564563" y="2073275"/>
          <p14:tracePt t="6224" x="8572500" y="2073275"/>
          <p14:tracePt t="6231" x="8589963" y="2073275"/>
          <p14:tracePt t="6239" x="8597900" y="2073275"/>
          <p14:tracePt t="6245" x="8605838" y="2073275"/>
          <p14:tracePt t="6252" x="8615363" y="2073275"/>
          <p14:tracePt t="6259" x="8623300" y="2073275"/>
          <p14:tracePt t="6266" x="8623300" y="2082800"/>
          <p14:tracePt t="6273" x="8632825" y="2082800"/>
          <p14:tracePt t="6279" x="8640763" y="2082800"/>
          <p14:tracePt t="6300" x="8648700" y="2090738"/>
          <p14:tracePt t="6314" x="8648700" y="2098675"/>
          <p14:tracePt t="6322" x="8658225" y="2098675"/>
          <p14:tracePt t="6348" x="8658225" y="2108200"/>
          <p14:tracePt t="6362" x="8658225" y="2116138"/>
          <p14:tracePt t="6383" x="8658225" y="2124075"/>
          <p14:tracePt t="6411" x="8658225" y="2133600"/>
          <p14:tracePt t="6425" x="8658225" y="2141538"/>
          <p14:tracePt t="6459" x="8648700" y="2149475"/>
          <p14:tracePt t="6473" x="8648700" y="2159000"/>
          <p14:tracePt t="6494" x="8648700" y="2166938"/>
          <p14:tracePt t="6521" x="8648700" y="2174875"/>
          <p14:tracePt t="6577" x="8648700" y="2184400"/>
          <p14:tracePt t="6584" x="8658225" y="2184400"/>
          <p14:tracePt t="6591" x="8666163" y="2184400"/>
          <p14:tracePt t="6611" x="8683625" y="2184400"/>
          <p14:tracePt t="6618" x="8691563" y="2184400"/>
          <p14:tracePt t="6625" x="8691563" y="2192338"/>
          <p14:tracePt t="6632" x="8709025" y="2192338"/>
          <p14:tracePt t="6640" x="8709025" y="2200275"/>
          <p14:tracePt t="6646" x="8724900" y="2200275"/>
          <p14:tracePt t="6653" x="8742363" y="2200275"/>
          <p14:tracePt t="6660" x="8742363" y="2209800"/>
          <p14:tracePt t="6667" x="8759825" y="2209800"/>
          <p14:tracePt t="6674" x="8777288" y="2209800"/>
          <p14:tracePt t="6680" x="8785225" y="2209800"/>
          <p14:tracePt t="6688" x="8810625" y="2217738"/>
          <p14:tracePt t="6694" x="8843963" y="2227263"/>
          <p14:tracePt t="6701" x="8878888" y="2235200"/>
          <p14:tracePt t="6709" x="8921750" y="2243138"/>
          <p14:tracePt t="6716" x="8963025" y="2252663"/>
          <p14:tracePt t="6723" x="8997950" y="2252663"/>
          <p14:tracePt t="6729" x="9031288" y="2260600"/>
          <p14:tracePt t="6736" x="9064625" y="2260600"/>
          <p14:tracePt t="6743" x="9099550" y="2268538"/>
          <p14:tracePt t="6750" x="9124950" y="2268538"/>
          <p14:tracePt t="6757" x="9150350" y="2278063"/>
          <p14:tracePt t="6764" x="9175750" y="2278063"/>
          <p14:tracePt t="6772" x="9183688" y="2278063"/>
          <p14:tracePt t="6778" x="9193213" y="2278063"/>
          <p14:tracePt t="6784" x="9209088" y="2278063"/>
          <p14:tracePt t="6798" x="9218613" y="2278063"/>
          <p14:tracePt t="6812" x="9226550" y="2278063"/>
          <p14:tracePt t="6826" x="9236075" y="2278063"/>
          <p14:tracePt t="6833" x="9244013" y="2278063"/>
          <p14:tracePt t="6840" x="9251950" y="2286000"/>
          <p14:tracePt t="6855" x="9261475" y="2286000"/>
          <p14:tracePt t="6860" x="9269413" y="2286000"/>
          <p14:tracePt t="6867" x="9277350" y="2286000"/>
          <p14:tracePt t="6874" x="9286875" y="2286000"/>
          <p14:tracePt t="6881" x="9294813" y="2286000"/>
          <p14:tracePt t="6905" x="9320213" y="2286000"/>
          <p14:tracePt t="6916" x="9328150" y="2293938"/>
          <p14:tracePt t="6923" x="9337675" y="2293938"/>
          <p14:tracePt t="6938" x="9345613" y="2293938"/>
          <p14:tracePt t="6944" x="9363075" y="2293938"/>
          <p14:tracePt t="6957" x="9388475" y="2293938"/>
          <p14:tracePt t="6964" x="9405938" y="2293938"/>
          <p14:tracePt t="6972" x="9439275" y="2293938"/>
          <p14:tracePt t="6978" x="9472613" y="2293938"/>
          <p14:tracePt t="6985" x="9507538" y="2293938"/>
          <p14:tracePt t="6992" x="9532938" y="2293938"/>
          <p14:tracePt t="6999" x="9566275" y="2293938"/>
          <p14:tracePt t="7007" x="9601200" y="2293938"/>
          <p14:tracePt t="7013" x="9634538" y="2293938"/>
          <p14:tracePt t="7019" x="9659938" y="2293938"/>
          <p14:tracePt t="7026" x="9685338" y="2293938"/>
          <p14:tracePt t="7033" x="9710738" y="2286000"/>
          <p14:tracePt t="7040" x="9745663" y="2286000"/>
          <p14:tracePt t="7047" x="9761538" y="2286000"/>
          <p14:tracePt t="7055" x="9786938" y="2278063"/>
          <p14:tracePt t="7061" x="9812338" y="2278063"/>
          <p14:tracePt t="7068" x="9829800" y="2268538"/>
          <p14:tracePt t="7075" x="9847263" y="2260600"/>
          <p14:tracePt t="7082" x="9855200" y="2260600"/>
          <p14:tracePt t="7089" x="9864725" y="2260600"/>
          <p14:tracePt t="7103" x="9872663" y="2260600"/>
          <p14:tracePt t="7109" x="9880600" y="2260600"/>
          <p14:tracePt t="7123" x="9898063" y="2260600"/>
          <p14:tracePt t="7130" x="9906000" y="2260600"/>
          <p14:tracePt t="7139" x="9915525" y="2260600"/>
          <p14:tracePt t="7151" x="9923463" y="2260600"/>
          <p14:tracePt t="7158" x="9931400" y="2268538"/>
          <p14:tracePt t="7173" x="9940925" y="2268538"/>
          <p14:tracePt t="7178" x="9948863" y="2268538"/>
          <p14:tracePt t="7192" x="9956800" y="2268538"/>
          <p14:tracePt t="7206" x="9966325" y="2268538"/>
          <p14:tracePt t="7213" x="9974263" y="2268538"/>
          <p14:tracePt t="7248" x="9974263" y="2260600"/>
          <p14:tracePt t="11690" x="9974263" y="2268538"/>
          <p14:tracePt t="11697" x="9974263" y="2278063"/>
          <p14:tracePt t="11705" x="9974263" y="2303463"/>
          <p14:tracePt t="11710" x="9974263" y="2336800"/>
          <p14:tracePt t="11718" x="9974263" y="2354263"/>
          <p14:tracePt t="11725" x="9983788" y="2379663"/>
          <p14:tracePt t="11732" x="9983788" y="2413000"/>
          <p14:tracePt t="11740" x="9991725" y="2430463"/>
          <p14:tracePt t="11745" x="9991725" y="2455863"/>
          <p14:tracePt t="11755" x="9991725" y="2481263"/>
          <p14:tracePt t="11759" x="9999663" y="2489200"/>
          <p14:tracePt t="11766" x="9999663" y="2506663"/>
          <p14:tracePt t="11774" x="9999663" y="2516188"/>
          <p14:tracePt t="11788" x="9999663" y="2524125"/>
          <p14:tracePt t="11793" x="9999663" y="2532063"/>
          <p14:tracePt t="11800" x="9999663" y="2541588"/>
          <p14:tracePt t="11814" x="9999663" y="2549525"/>
          <p14:tracePt t="11823" x="9999663" y="2557463"/>
          <p14:tracePt t="11849" x="9999663" y="2566988"/>
          <p14:tracePt t="11883" x="9999663" y="2574925"/>
          <p14:tracePt t="11910" x="9999663" y="2582863"/>
          <p14:tracePt t="11924" x="9991725" y="2582863"/>
          <p14:tracePt t="11959" x="9983788" y="2582863"/>
          <p14:tracePt t="11973" x="9974263" y="2582863"/>
          <p14:tracePt t="12015" x="9974263" y="2574925"/>
          <p14:tracePt t="12029" x="9974263" y="2566988"/>
          <p14:tracePt t="12063" x="9974263" y="2557463"/>
          <p14:tracePt t="12071" x="9974263" y="2549525"/>
          <p14:tracePt t="12104" x="9983788" y="2541588"/>
          <p14:tracePt t="12118" x="9983788" y="2532063"/>
          <p14:tracePt t="12132" x="9983788" y="2524125"/>
          <p14:tracePt t="12139" x="9991725" y="2524125"/>
          <p14:tracePt t="12167" x="9991725" y="2516188"/>
          <p14:tracePt t="12173" x="9999663" y="2516188"/>
          <p14:tracePt t="12188" x="10009188" y="2516188"/>
          <p14:tracePt t="12215" x="10017125" y="2516188"/>
          <p14:tracePt t="12237" x="10025063" y="2516188"/>
          <p14:tracePt t="12242" x="10034588" y="2516188"/>
          <p14:tracePt t="12264" x="10042525" y="2516188"/>
          <p14:tracePt t="12271" x="10050463" y="2516188"/>
          <p14:tracePt t="12298" x="10059988" y="2524125"/>
          <p14:tracePt t="12311" x="10067925" y="2532063"/>
          <p14:tracePt t="12325" x="10075863" y="2541588"/>
          <p14:tracePt t="12339" x="10075863" y="2549525"/>
          <p14:tracePt t="12346" x="10075863" y="2557463"/>
          <p14:tracePt t="12360" x="10085388" y="2557463"/>
          <p14:tracePt t="12367" x="10085388" y="2566988"/>
          <p14:tracePt t="12373" x="10093325" y="2574925"/>
          <p14:tracePt t="12381" x="10093325" y="2582863"/>
          <p14:tracePt t="12388" x="10093325" y="2592388"/>
          <p14:tracePt t="12395" x="10093325" y="2600325"/>
          <p14:tracePt t="12408" x="10093325" y="2608263"/>
          <p14:tracePt t="12415" x="10093325" y="2617788"/>
          <p14:tracePt t="12422" x="10093325" y="2625725"/>
          <p14:tracePt t="12436" x="10093325" y="2643188"/>
          <p14:tracePt t="12443" x="10093325" y="2651125"/>
          <p14:tracePt t="12450" x="10085388" y="2660650"/>
          <p14:tracePt t="12457" x="10085388" y="2686050"/>
          <p14:tracePt t="12463" x="10075863" y="2701925"/>
          <p14:tracePt t="12471" x="10067925" y="2719388"/>
          <p14:tracePt t="12478" x="10059988" y="2744788"/>
          <p14:tracePt t="12485" x="10059988" y="2762250"/>
          <p14:tracePt t="12491" x="10059988" y="2787650"/>
          <p14:tracePt t="12498" x="10042525" y="2795588"/>
          <p14:tracePt t="12505" x="10034588" y="2813050"/>
          <p14:tracePt t="12512" x="10025063" y="2830513"/>
          <p14:tracePt t="12519" x="10009188" y="2846388"/>
          <p14:tracePt t="12525" x="9991725" y="2881313"/>
          <p14:tracePt t="12532" x="9974263" y="2897188"/>
          <p14:tracePt t="12539" x="9966325" y="2922588"/>
          <p14:tracePt t="12546" x="9956800" y="2940050"/>
          <p14:tracePt t="12555" x="9940925" y="2965450"/>
          <p14:tracePt t="12560" x="9923463" y="2982913"/>
          <p14:tracePt t="12567" x="9915525" y="3000375"/>
          <p14:tracePt t="12574" x="9898063" y="3016250"/>
          <p14:tracePt t="12581" x="9880600" y="3041650"/>
          <p14:tracePt t="12588" x="9872663" y="3059113"/>
          <p14:tracePt t="12595" x="9864725" y="3067050"/>
          <p14:tracePt t="12603" x="9847263" y="3084513"/>
          <p14:tracePt t="12609" x="9829800" y="3101975"/>
          <p14:tracePt t="12616" x="9821863" y="3127375"/>
          <p14:tracePt t="12623" x="9812338" y="3135313"/>
          <p14:tracePt t="12630" x="9796463" y="3152775"/>
          <p14:tracePt t="12637" x="9779000" y="3170238"/>
          <p14:tracePt t="12643" x="9771063" y="3186113"/>
          <p14:tracePt t="12651" x="9753600" y="3195638"/>
          <p14:tracePt t="12657" x="9745663" y="3221038"/>
          <p14:tracePt t="12665" x="9728200" y="3238500"/>
          <p14:tracePt t="12671" x="9720263" y="3254375"/>
          <p14:tracePt t="12678" x="9702800" y="3254375"/>
          <p14:tracePt t="12687" x="9685338" y="3271838"/>
          <p14:tracePt t="12692" x="9677400" y="3289300"/>
          <p14:tracePt t="12700" x="9667875" y="3305175"/>
          <p14:tracePt t="12705" x="9652000" y="3314700"/>
          <p14:tracePt t="12713" x="9634538" y="3322638"/>
          <p14:tracePt t="12721" x="9634538" y="3330575"/>
          <p14:tracePt t="12727" x="9617075" y="3340100"/>
          <p14:tracePt t="12733" x="9601200" y="3348038"/>
          <p14:tracePt t="12740" x="9591675" y="3355975"/>
          <p14:tracePt t="12747" x="9575800" y="3355975"/>
          <p14:tracePt t="12754" x="9558338" y="3365500"/>
          <p14:tracePt t="12762" x="9540875" y="3373438"/>
          <p14:tracePt t="12770" x="9523413" y="3373438"/>
          <p14:tracePt t="12775" x="9498013" y="3382963"/>
          <p14:tracePt t="12782" x="9464675" y="3390900"/>
          <p14:tracePt t="12789" x="9439275" y="3398838"/>
          <p14:tracePt t="12796" x="9413875" y="3408363"/>
          <p14:tracePt t="12804" x="9380538" y="3408363"/>
          <p14:tracePt t="12810" x="9345613" y="3416300"/>
          <p14:tracePt t="12817" x="9312275" y="3424238"/>
          <p14:tracePt t="12824" x="9269413" y="3424238"/>
          <p14:tracePt t="12831" x="9236075" y="3433763"/>
          <p14:tracePt t="12838" x="9193213" y="3433763"/>
          <p14:tracePt t="12844" x="9150350" y="3433763"/>
          <p14:tracePt t="12851" x="9117013" y="3441700"/>
          <p14:tracePt t="12858" x="9074150" y="3441700"/>
          <p14:tracePt t="12865" x="9023350" y="3449638"/>
          <p14:tracePt t="12872" x="8980488" y="3449638"/>
          <p14:tracePt t="12878" x="8955088" y="3449638"/>
          <p14:tracePt t="12886" x="8912225" y="3449638"/>
          <p14:tracePt t="12894" x="8886825" y="3449638"/>
          <p14:tracePt t="12909" x="8843963" y="3449638"/>
          <p14:tracePt t="12914" x="8818563" y="3449638"/>
          <p14:tracePt t="12920" x="8793163" y="3449638"/>
          <p14:tracePt t="12928" x="8785225" y="3449638"/>
          <p14:tracePt t="12934" x="8759825" y="3449638"/>
          <p14:tracePt t="12941" x="8742363" y="3449638"/>
          <p14:tracePt t="12948" x="8734425" y="3449638"/>
          <p14:tracePt t="12955" x="8716963" y="3449638"/>
          <p14:tracePt t="12962" x="8699500" y="3449638"/>
          <p14:tracePt t="12969" x="8699500" y="3441700"/>
          <p14:tracePt t="12976" x="8683625" y="3441700"/>
          <p14:tracePt t="12983" x="8674100" y="3433763"/>
          <p14:tracePt t="12989" x="8658225" y="3424238"/>
          <p14:tracePt t="12996" x="8648700" y="3416300"/>
          <p14:tracePt t="13004" x="8632825" y="3408363"/>
          <p14:tracePt t="13010" x="8623300" y="3390900"/>
          <p14:tracePt t="13017" x="8605838" y="3390900"/>
          <p14:tracePt t="13024" x="8589963" y="3382963"/>
          <p14:tracePt t="13031" x="8564563" y="3365500"/>
          <p14:tracePt t="13038" x="8547100" y="3348038"/>
          <p14:tracePt t="13045" x="8529638" y="3330575"/>
          <p14:tracePt t="13053" x="8504238" y="3314700"/>
          <p14:tracePt t="13058" x="8488363" y="3297238"/>
          <p14:tracePt t="13066" x="8470900" y="3279775"/>
          <p14:tracePt t="13073" x="8462963" y="3263900"/>
          <p14:tracePt t="13079" x="8445500" y="3238500"/>
          <p14:tracePt t="13087" x="8435975" y="3203575"/>
          <p14:tracePt t="13093" x="8420100" y="3170238"/>
          <p14:tracePt t="13100" x="8420100" y="3135313"/>
          <p14:tracePt t="13107" x="8410575" y="3109913"/>
          <p14:tracePt t="13114" x="8402638" y="3076575"/>
          <p14:tracePt t="13121" x="8394700" y="3041650"/>
          <p14:tracePt t="13128" x="8385175" y="3016250"/>
          <p14:tracePt t="13136" x="8385175" y="2990850"/>
          <p14:tracePt t="13141" x="8377238" y="2982913"/>
          <p14:tracePt t="13149" x="8369300" y="2965450"/>
          <p14:tracePt t="13155" x="8369300" y="2949575"/>
          <p14:tracePt t="13171" x="8369300" y="2940050"/>
          <p14:tracePt t="13176" x="8369300" y="2932113"/>
          <p14:tracePt t="13190" x="8369300" y="2922588"/>
          <p14:tracePt t="13198" x="8369300" y="2914650"/>
          <p14:tracePt t="13204" x="8369300" y="2906713"/>
          <p14:tracePt t="13218" x="8369300" y="2889250"/>
          <p14:tracePt t="13232" x="8369300" y="2881313"/>
          <p14:tracePt t="13239" x="8369300" y="2863850"/>
          <p14:tracePt t="13253" x="8369300" y="2855913"/>
          <p14:tracePt t="13259" x="8369300" y="2846388"/>
          <p14:tracePt t="13266" x="8369300" y="2838450"/>
          <p14:tracePt t="13273" x="8369300" y="2830513"/>
          <p14:tracePt t="13280" x="8369300" y="2820988"/>
          <p14:tracePt t="13294" x="8377238" y="2805113"/>
          <p14:tracePt t="13307" x="8377238" y="2795588"/>
          <p14:tracePt t="13322" x="8377238" y="2787650"/>
          <p14:tracePt t="13328" x="8377238" y="2778125"/>
          <p14:tracePt t="13336" x="8385175" y="2770188"/>
          <p14:tracePt t="13356" x="8385175" y="2762250"/>
          <p14:tracePt t="13363" x="8394700" y="2752725"/>
          <p14:tracePt t="13383" x="8394700" y="2744788"/>
          <p14:tracePt t="13453" x="8394700" y="2752725"/>
          <p14:tracePt t="13467" x="8394700" y="2762250"/>
          <p14:tracePt t="13502" x="8394700" y="2770188"/>
          <p14:tracePt t="13787" x="8385175" y="2778125"/>
          <p14:tracePt t="13807" x="8385175" y="2787650"/>
          <p14:tracePt t="13828" x="8385175" y="2795588"/>
          <p14:tracePt t="13841" x="8385175" y="2805113"/>
          <p14:tracePt t="13856" x="8385175" y="2813050"/>
          <p14:tracePt t="13862" x="8385175" y="2820988"/>
          <p14:tracePt t="13871" x="8385175" y="2830513"/>
          <p14:tracePt t="13876" x="8385175" y="2838450"/>
          <p14:tracePt t="13882" x="8385175" y="2846388"/>
          <p14:tracePt t="13902" x="8385175" y="2871788"/>
          <p14:tracePt t="13909" x="8385175" y="2881313"/>
          <p14:tracePt t="13916" x="8385175" y="2897188"/>
          <p14:tracePt t="13922" x="8385175" y="2906713"/>
          <p14:tracePt t="13930" x="8385175" y="2922588"/>
          <p14:tracePt t="13937" x="8385175" y="2932113"/>
          <p14:tracePt t="13943" x="8385175" y="2940050"/>
          <p14:tracePt t="13950" x="8385175" y="2949575"/>
          <p14:tracePt t="13957" x="8385175" y="2957513"/>
          <p14:tracePt t="13964" x="8385175" y="2965450"/>
          <p14:tracePt t="13971" x="8385175" y="2974975"/>
          <p14:tracePt t="13985" x="8385175" y="2982913"/>
          <p14:tracePt t="13992" x="8385175" y="2990850"/>
          <p14:tracePt t="14005" x="8385175" y="3000375"/>
          <p14:tracePt t="14040" x="8385175" y="3008313"/>
          <p14:tracePt t="14345" x="8385175" y="3016250"/>
          <p14:tracePt t="14387" x="8385175" y="3025775"/>
          <p14:tracePt t="14401" x="8385175" y="3033713"/>
          <p14:tracePt t="14429" x="8385175" y="3041650"/>
          <p14:tracePt t="14483" x="8394700" y="3041650"/>
          <p14:tracePt t="14520" x="8402638" y="3041650"/>
          <p14:tracePt t="14642" x="8410575" y="3041650"/>
          <p14:tracePt t="14974" x="8385175" y="3041650"/>
          <p14:tracePt t="14981" x="8318500" y="3059113"/>
          <p14:tracePt t="14988" x="8215313" y="3067050"/>
          <p14:tracePt t="14995" x="8070850" y="3101975"/>
          <p14:tracePt t="15002" x="7918450" y="3127375"/>
          <p14:tracePt t="15009" x="7697788" y="3160713"/>
          <p14:tracePt t="15015" x="7510463" y="3186113"/>
          <p14:tracePt t="15023" x="7366000" y="3195638"/>
          <p14:tracePt t="15030" x="7256463" y="3211513"/>
          <p14:tracePt t="15037" x="7127875" y="3221038"/>
          <p14:tracePt t="15044" x="7000875" y="3221038"/>
          <p14:tracePt t="15051" x="6881813" y="3228975"/>
          <p14:tracePt t="15058" x="6770688" y="3228975"/>
          <p14:tracePt t="15065" x="6661150" y="3228975"/>
          <p14:tracePt t="15071" x="6534150" y="3228975"/>
          <p14:tracePt t="15078" x="6405563" y="3228975"/>
          <p14:tracePt t="15087" x="6286500" y="3228975"/>
          <p14:tracePt t="15092" x="6202363" y="3221038"/>
          <p14:tracePt t="15099" x="6134100" y="3221038"/>
          <p14:tracePt t="15106" x="6083300" y="3211513"/>
          <p14:tracePt t="15114" x="6040438" y="3203575"/>
          <p14:tracePt t="15122" x="5997575" y="3186113"/>
          <p14:tracePt t="15127" x="5964238" y="3178175"/>
          <p14:tracePt t="15136" x="5938838" y="3178175"/>
          <p14:tracePt t="15141" x="5913438" y="3178175"/>
          <p14:tracePt t="15148" x="5880100" y="3178175"/>
          <p14:tracePt t="15155" x="5853113" y="3170238"/>
          <p14:tracePt t="15162" x="5819775" y="3170238"/>
          <p14:tracePt t="15169" x="5786438" y="3160713"/>
          <p14:tracePt t="15176" x="5768975" y="3160713"/>
          <p14:tracePt t="15182" x="5751513" y="3160713"/>
          <p14:tracePt t="15189" x="5726113" y="3160713"/>
          <p14:tracePt t="15197" x="5718175" y="3160713"/>
          <p14:tracePt t="15203" x="5692775" y="3160713"/>
          <p14:tracePt t="15210" x="5667375" y="3160713"/>
          <p14:tracePt t="15217" x="5649913" y="3160713"/>
          <p14:tracePt t="15224" x="5624513" y="3160713"/>
          <p14:tracePt t="15231" x="5599113" y="3160713"/>
          <p14:tracePt t="15238" x="5581650" y="3160713"/>
          <p14:tracePt t="15245" x="5548313" y="3160713"/>
          <p14:tracePt t="15253" x="5522913" y="3160713"/>
          <p14:tracePt t="15259" x="5487988" y="3160713"/>
          <p14:tracePt t="15266" x="5472113" y="3160713"/>
          <p14:tracePt t="15272" x="5437188" y="3160713"/>
          <p14:tracePt t="15280" x="5403850" y="3152775"/>
          <p14:tracePt t="15287" x="5368925" y="3152775"/>
          <p14:tracePt t="15293" x="5343525" y="3152775"/>
          <p14:tracePt t="15300" x="5310188" y="3152775"/>
          <p14:tracePt t="15306" x="5276850" y="3152775"/>
          <p14:tracePt t="15314" x="5241925" y="3152775"/>
          <p14:tracePt t="15321" x="5216525" y="3152775"/>
          <p14:tracePt t="15328" x="5191125" y="3152775"/>
          <p14:tracePt t="15335" x="5157788" y="3152775"/>
          <p14:tracePt t="15341" x="5140325" y="3152775"/>
          <p14:tracePt t="15348" x="5114925" y="3152775"/>
          <p14:tracePt t="15355" x="5089525" y="3152775"/>
          <p14:tracePt t="15363" x="5080000" y="3152775"/>
          <p14:tracePt t="15370" x="5054600" y="3152775"/>
          <p14:tracePt t="15376" x="5029200" y="3152775"/>
          <p14:tracePt t="15383" x="5013325" y="3152775"/>
          <p14:tracePt t="15390" x="4987925" y="3152775"/>
          <p14:tracePt t="15397" x="4953000" y="3152775"/>
          <p14:tracePt t="15404" x="4935538" y="3152775"/>
          <p14:tracePt t="15411" x="4910138" y="3152775"/>
          <p14:tracePt t="15420" x="4894263" y="3152775"/>
          <p14:tracePt t="15425" x="4876800" y="3152775"/>
          <p14:tracePt t="15431" x="4859338" y="3144838"/>
          <p14:tracePt t="15438" x="4843463" y="3144838"/>
          <p14:tracePt t="15445" x="4843463" y="3135313"/>
          <p14:tracePt t="15452" x="4833938" y="3135313"/>
          <p14:tracePt t="15459" x="4826000" y="3127375"/>
          <p14:tracePt t="15480" x="4818063" y="3127375"/>
          <p14:tracePt t="15494" x="4808538" y="3127375"/>
          <p14:tracePt t="15508" x="4800600" y="3127375"/>
          <p14:tracePt t="15590" x="4800600" y="3135313"/>
          <p14:tracePt t="15604" x="4808538" y="3135313"/>
          <p14:tracePt t="15619" x="4808538" y="3144838"/>
          <p14:tracePt t="15681" x="4808538" y="3152775"/>
          <p14:tracePt t="15723" x="4808538" y="3160713"/>
          <p14:tracePt t="15764" x="4800600" y="3160713"/>
          <p14:tracePt t="15799" x="4791075" y="3160713"/>
          <p14:tracePt t="15806" x="4783138" y="3160713"/>
          <p14:tracePt t="15819" x="4775200" y="3160713"/>
          <p14:tracePt t="15826" x="4765675" y="3160713"/>
          <p14:tracePt t="15840" x="4757738" y="3160713"/>
          <p14:tracePt t="15847" x="4749800" y="3160713"/>
          <p14:tracePt t="15855" x="4740275" y="3160713"/>
          <p14:tracePt t="15861" x="4732338" y="3160713"/>
          <p14:tracePt t="15871" x="4724400" y="3160713"/>
          <p14:tracePt t="15874" x="4714875" y="3160713"/>
          <p14:tracePt t="15889" x="4699000" y="3160713"/>
          <p14:tracePt t="15908" x="4689475" y="3160713"/>
          <p14:tracePt t="15909" x="4681538" y="3160713"/>
          <p14:tracePt t="15915" x="4673600" y="3160713"/>
          <p14:tracePt t="15930" x="4664075" y="3160713"/>
          <p14:tracePt t="18994" x="4664075" y="3152775"/>
          <p14:tracePt t="19001" x="4673600" y="3152775"/>
          <p14:tracePt t="19007" x="4673600" y="3144838"/>
          <p14:tracePt t="19021" x="4681538" y="3135313"/>
          <p14:tracePt t="19028" x="4681538" y="3127375"/>
          <p14:tracePt t="19041" x="4689475" y="3119438"/>
          <p14:tracePt t="19049" x="4699000" y="3109913"/>
          <p14:tracePt t="19055" x="4706938" y="3101975"/>
          <p14:tracePt t="19062" x="4714875" y="3101975"/>
          <p14:tracePt t="19070" x="4740275" y="3076575"/>
          <p14:tracePt t="19076" x="4757738" y="3059113"/>
          <p14:tracePt t="19085" x="4783138" y="3041650"/>
          <p14:tracePt t="19090" x="4808538" y="3025775"/>
          <p14:tracePt t="19097" x="4833938" y="3000375"/>
          <p14:tracePt t="19104" x="4859338" y="2974975"/>
          <p14:tracePt t="19111" x="4894263" y="2957513"/>
          <p14:tracePt t="19119" x="4919663" y="2932113"/>
          <p14:tracePt t="19125" x="4945063" y="2914650"/>
          <p14:tracePt t="19132" x="4962525" y="2889250"/>
          <p14:tracePt t="19139" x="4978400" y="2871788"/>
          <p14:tracePt t="19145" x="5003800" y="2863850"/>
          <p14:tracePt t="19152" x="5021263" y="2846388"/>
          <p14:tracePt t="19160" x="5038725" y="2830513"/>
          <p14:tracePt t="19168" x="5038725" y="2820988"/>
          <p14:tracePt t="19173" x="5054600" y="2813050"/>
          <p14:tracePt t="19180" x="5072063" y="2795588"/>
          <p14:tracePt t="19187" x="5072063" y="2787650"/>
          <p14:tracePt t="19194" x="5072063" y="2778125"/>
          <p14:tracePt t="19201" x="5080000" y="2770188"/>
          <p14:tracePt t="19208" x="5089525" y="2762250"/>
          <p14:tracePt t="19215" x="5097463" y="2752725"/>
          <p14:tracePt t="19229" x="5097463" y="2744788"/>
          <p14:tracePt t="19235" x="5097463" y="2736850"/>
          <p14:tracePt t="19250" x="5106988" y="2736850"/>
          <p14:tracePt t="19256" x="5106988" y="2727325"/>
          <p14:tracePt t="19263" x="5114925" y="2727325"/>
          <p14:tracePt t="19270" x="5114925" y="2719388"/>
          <p14:tracePt t="19277" x="5114925" y="2711450"/>
          <p14:tracePt t="19311" x="5114925" y="2701925"/>
          <p14:tracePt t="19318" x="5122863" y="2701925"/>
          <p14:tracePt t="19325" x="5122863" y="2693988"/>
          <p14:tracePt t="19353" x="5132388" y="2693988"/>
          <p14:tracePt t="19360" x="5132388" y="2686050"/>
          <p14:tracePt t="19374" x="5140325" y="2676525"/>
          <p14:tracePt t="19402" x="5148263" y="2676525"/>
          <p14:tracePt t="19408" x="5148263" y="2668588"/>
          <p14:tracePt t="19415" x="5157788" y="2660650"/>
          <p14:tracePt t="19422" x="5157788" y="2651125"/>
          <p14:tracePt t="19435" x="5165725" y="2643188"/>
          <p14:tracePt t="19442" x="5183188" y="2625725"/>
          <p14:tracePt t="19449" x="5191125" y="2617788"/>
          <p14:tracePt t="19456" x="5191125" y="2608263"/>
          <p14:tracePt t="19463" x="5208588" y="2592388"/>
          <p14:tracePt t="19470" x="5216525" y="2582863"/>
          <p14:tracePt t="19477" x="5216525" y="2574925"/>
          <p14:tracePt t="19484" x="5224463" y="2566988"/>
          <p14:tracePt t="19491" x="5233988" y="2557463"/>
          <p14:tracePt t="19498" x="5249863" y="2549525"/>
          <p14:tracePt t="19505" x="5249863" y="2541588"/>
          <p14:tracePt t="19512" x="5259388" y="2532063"/>
          <p14:tracePt t="19519" x="5276850" y="2524125"/>
          <p14:tracePt t="19526" x="5276850" y="2516188"/>
          <p14:tracePt t="19534" x="5284788" y="2506663"/>
          <p14:tracePt t="19540" x="5292725" y="2498725"/>
          <p14:tracePt t="19546" x="5310188" y="2481263"/>
          <p14:tracePt t="19553" x="5318125" y="2463800"/>
          <p14:tracePt t="19560" x="5327650" y="2463800"/>
          <p14:tracePt t="19570" x="5335588" y="2447925"/>
          <p14:tracePt t="19575" x="5353050" y="2430463"/>
          <p14:tracePt t="19582" x="5360988" y="2422525"/>
          <p14:tracePt t="19589" x="5378450" y="2413000"/>
          <p14:tracePt t="19596" x="5386388" y="2397125"/>
          <p14:tracePt t="19602" x="5403850" y="2387600"/>
          <p14:tracePt t="19608" x="5403850" y="2371725"/>
          <p14:tracePt t="19617" x="5411788" y="2371725"/>
          <p14:tracePt t="19623" x="5429250" y="2354263"/>
          <p14:tracePt t="19630" x="5437188" y="2344738"/>
          <p14:tracePt t="19636" x="5437188" y="2336800"/>
          <p14:tracePt t="19643" x="5437188" y="2328863"/>
          <p14:tracePt t="19650" x="5446713" y="2319338"/>
          <p14:tracePt t="19664" x="5454650" y="2319338"/>
          <p14:tracePt t="19678" x="5454650" y="2311400"/>
          <p14:tracePt t="19692" x="5462588" y="2303463"/>
          <p14:tracePt t="19713" x="5472113" y="2303463"/>
          <p14:tracePt t="19727" x="5480050" y="2293938"/>
          <p14:tracePt t="19741" x="5480050" y="2286000"/>
          <p14:tracePt t="19754" x="5480050" y="2278063"/>
          <p14:tracePt t="20038" x="5480050" y="2268538"/>
          <p14:tracePt t="20059" x="5480050" y="2260600"/>
          <p14:tracePt t="20073" x="5487988" y="2260600"/>
          <p14:tracePt t="20088" x="5497513" y="2252663"/>
          <p14:tracePt t="20102" x="5497513" y="2243138"/>
          <p14:tracePt t="20121" x="5497513" y="2235200"/>
          <p14:tracePt t="20136" x="5505450" y="2235200"/>
          <p14:tracePt t="20212" x="5513388" y="2235200"/>
          <p14:tracePt t="20370" x="5513388" y="2243138"/>
          <p14:tracePt t="20447" x="5513388" y="2252663"/>
          <p14:tracePt t="20523" x="5522913" y="2252663"/>
          <p14:tracePt t="20557" x="5522913" y="2260600"/>
          <p14:tracePt t="21180" x="5522913" y="2268538"/>
          <p14:tracePt t="21235" x="5530850" y="2268538"/>
          <p14:tracePt t="21352" x="5538788" y="2268538"/>
          <p14:tracePt t="23004" x="5538788" y="2260600"/>
          <p14:tracePt t="23103" x="5538788" y="2268538"/>
          <p14:tracePt t="23199" x="5538788" y="2278063"/>
          <p14:tracePt t="24176" x="5530850" y="2278063"/>
          <p14:tracePt t="24533" x="5530850" y="2286000"/>
          <p14:tracePt t="24569" x="5530850" y="2293938"/>
          <p14:tracePt t="24596" x="5530850" y="2303463"/>
          <p14:tracePt t="24617" x="5522913" y="2303463"/>
          <p14:tracePt t="24623" x="5522913" y="2311400"/>
          <p14:tracePt t="24630" x="5513388" y="2311400"/>
          <p14:tracePt t="24644" x="5505450" y="2311400"/>
          <p14:tracePt t="24651" x="5505450" y="2319338"/>
          <p14:tracePt t="24671" x="5505450" y="2328863"/>
          <p14:tracePt t="24685" x="5497513" y="2328863"/>
          <p14:tracePt t="24699" x="5487988" y="2336800"/>
          <p14:tracePt t="24715" x="5487988" y="2344738"/>
          <p14:tracePt t="24734" x="5480050" y="2354263"/>
          <p14:tracePt t="24749" x="5472113" y="2354263"/>
          <p14:tracePt t="24755" x="5472113" y="2362200"/>
          <p14:tracePt t="24762" x="5462588" y="2362200"/>
          <p14:tracePt t="24768" x="5462588" y="2371725"/>
          <p14:tracePt t="24790" x="5462588" y="2379663"/>
          <p14:tracePt t="24796" x="5454650" y="2387600"/>
          <p14:tracePt t="24811" x="5454650" y="2397125"/>
          <p14:tracePt t="24818" x="5446713" y="2397125"/>
          <p14:tracePt t="24833" x="5446713" y="2405063"/>
          <p14:tracePt t="24838" x="5446713" y="2413000"/>
          <p14:tracePt t="24852" x="5446713" y="2422525"/>
          <p14:tracePt t="24859" x="5446713" y="2430463"/>
          <p14:tracePt t="24873" x="5446713" y="2438400"/>
          <p14:tracePt t="24887" x="5446713" y="2447925"/>
          <p14:tracePt t="24901" x="5446713" y="2455863"/>
          <p14:tracePt t="24907" x="5446713" y="2463800"/>
          <p14:tracePt t="24915" x="5446713" y="2473325"/>
          <p14:tracePt t="24928" x="5446713" y="2481263"/>
          <p14:tracePt t="24941" x="5446713" y="2489200"/>
          <p14:tracePt t="24949" x="5437188" y="2506663"/>
          <p14:tracePt t="24963" x="5437188" y="2516188"/>
          <p14:tracePt t="24970" x="5429250" y="2532063"/>
          <p14:tracePt t="24985" x="5429250" y="2541588"/>
          <p14:tracePt t="24991" x="5429250" y="2549525"/>
          <p14:tracePt t="25004" x="5429250" y="2557463"/>
          <p14:tracePt t="25018" x="5429250" y="2566988"/>
          <p14:tracePt t="25024" x="5429250" y="2574925"/>
          <p14:tracePt t="25038" x="5429250" y="2582863"/>
          <p14:tracePt t="25045" x="5429250" y="2592388"/>
          <p14:tracePt t="25052" x="5421313" y="2592388"/>
          <p14:tracePt t="25059" x="5421313" y="2600325"/>
          <p14:tracePt t="25066" x="5421313" y="2608263"/>
          <p14:tracePt t="25080" x="5421313" y="2617788"/>
          <p14:tracePt t="25087" x="5421313" y="2625725"/>
          <p14:tracePt t="25094" x="5421313" y="2633663"/>
          <p14:tracePt t="25115" x="5421313" y="2643188"/>
          <p14:tracePt t="25135" x="5421313" y="2651125"/>
          <p14:tracePt t="25240" x="5421313" y="2643188"/>
          <p14:tracePt t="30039" x="5216525" y="2787650"/>
          <p14:tracePt t="30045" x="4868863" y="3041650"/>
          <p14:tracePt t="30053" x="4579938" y="3254375"/>
          <p14:tracePt t="30060" x="4367213" y="3416300"/>
          <p14:tracePt t="30067" x="4240213" y="3517900"/>
          <p14:tracePt t="30074" x="4137025" y="3586163"/>
          <p14:tracePt t="30081" x="4035425" y="3646488"/>
          <p14:tracePt t="30088" x="3916363" y="3697288"/>
          <p14:tracePt t="30095" x="3814763" y="3713163"/>
          <p14:tracePt t="30101" x="3763963" y="3738563"/>
          <p14:tracePt t="30108" x="3721100" y="3748088"/>
          <p14:tracePt t="30115" x="3670300" y="3756025"/>
          <p14:tracePt t="30122" x="3644900" y="3756025"/>
          <p14:tracePt t="30130" x="3594100" y="3763963"/>
          <p14:tracePt t="30136" x="3533775" y="3773488"/>
          <p14:tracePt t="30143" x="3475038" y="3781425"/>
          <p14:tracePt t="30150" x="3389313" y="3790950"/>
          <p14:tracePt t="30157" x="3287713" y="3806825"/>
          <p14:tracePt t="30165" x="3203575" y="3824288"/>
          <p14:tracePt t="30171" x="3127375" y="3841750"/>
          <p14:tracePt t="30178" x="3059113" y="3849688"/>
          <p14:tracePt t="30185" x="2998788" y="3857625"/>
          <p14:tracePt t="30192" x="2940050" y="3875088"/>
          <p14:tracePt t="30201" x="2879725" y="3892550"/>
          <p14:tracePt t="30205" x="2803525" y="3900488"/>
          <p14:tracePt t="30212" x="2744788" y="3908425"/>
          <p14:tracePt t="30219" x="2684463" y="3917950"/>
          <p14:tracePt t="30226" x="2641600" y="3925888"/>
          <p14:tracePt t="30233" x="2590800" y="3935413"/>
          <p14:tracePt t="30240" x="2549525" y="3943350"/>
          <p14:tracePt t="30247" x="2497138" y="3968750"/>
          <p14:tracePt t="30254" x="2455863" y="3968750"/>
          <p14:tracePt t="30261" x="2395538" y="3986213"/>
          <p14:tracePt t="30267" x="2336800" y="3994150"/>
          <p14:tracePt t="30275" x="2276475" y="3994150"/>
          <p14:tracePt t="30281" x="2225675" y="4002088"/>
          <p14:tracePt t="30289" x="2192338" y="4019550"/>
          <p14:tracePt t="30295" x="2149475" y="4027488"/>
          <p14:tracePt t="30302" x="2116138" y="4037013"/>
          <p14:tracePt t="30309" x="2090738" y="4044950"/>
          <p14:tracePt t="30316" x="2073275" y="4052888"/>
          <p14:tracePt t="30323" x="2038350" y="4052888"/>
          <p14:tracePt t="30330" x="2012950" y="4062413"/>
          <p14:tracePt t="30337" x="1987550" y="4062413"/>
          <p14:tracePt t="30344" x="1979613" y="4062413"/>
          <p14:tracePt t="30350" x="1954213" y="4062413"/>
          <p14:tracePt t="30358" x="1936750" y="4062413"/>
          <p14:tracePt t="30366" x="1928813" y="4062413"/>
          <p14:tracePt t="30371" x="1903413" y="4052888"/>
          <p14:tracePt t="30378" x="1885950" y="4044950"/>
          <p14:tracePt t="30386" x="1878013" y="4037013"/>
          <p14:tracePt t="30391" x="1860550" y="4027488"/>
          <p14:tracePt t="30399" x="1843088" y="4011613"/>
          <p14:tracePt t="30406" x="1827213" y="4002088"/>
          <p14:tracePt t="30414" x="1817688" y="3994150"/>
          <p14:tracePt t="30420" x="1809750" y="3994150"/>
          <p14:tracePt t="30427" x="1792288" y="3986213"/>
          <p14:tracePt t="30433" x="1784350" y="3976688"/>
          <p14:tracePt t="30441" x="1776413" y="3968750"/>
          <p14:tracePt t="30449" x="1758950" y="3960813"/>
          <p14:tracePt t="30454" x="1749425" y="3951288"/>
          <p14:tracePt t="30460" x="1741488" y="3943350"/>
          <p14:tracePt t="30468" x="1733550" y="3935413"/>
          <p14:tracePt t="30475" x="1724025" y="3925888"/>
          <p14:tracePt t="30482" x="1724025" y="3917950"/>
          <p14:tracePt t="30497" x="1724025" y="3908425"/>
          <p14:tracePt t="30510" x="1716088" y="3900488"/>
          <p14:tracePt t="30517" x="1716088" y="3892550"/>
          <p14:tracePt t="30524" x="1708150" y="3892550"/>
          <p14:tracePt t="30531" x="1708150" y="3883025"/>
          <p14:tracePt t="30544" x="1708150" y="3875088"/>
          <p14:tracePt t="30558" x="1698625" y="3867150"/>
          <p14:tracePt t="30565" x="1698625" y="3857625"/>
          <p14:tracePt t="30572" x="1698625" y="3849688"/>
          <p14:tracePt t="30578" x="1698625" y="3841750"/>
          <p14:tracePt t="30585" x="1698625" y="3832225"/>
          <p14:tracePt t="30592" x="1698625" y="3824288"/>
          <p14:tracePt t="30599" x="1698625" y="3816350"/>
          <p14:tracePt t="30606" x="1698625" y="3806825"/>
          <p14:tracePt t="30620" x="1698625" y="3798888"/>
          <p14:tracePt t="30634" x="1698625" y="3790950"/>
          <p14:tracePt t="30641" x="1698625" y="3781425"/>
          <p14:tracePt t="30655" x="1698625" y="3773488"/>
          <p14:tracePt t="30669" x="1698625" y="3763963"/>
          <p14:tracePt t="30697" x="1698625" y="3756025"/>
          <p14:tracePt t="30710" x="1698625" y="3748088"/>
          <p14:tracePt t="30765" x="1708150" y="3748088"/>
          <p14:tracePt t="30772" x="1708150" y="3756025"/>
          <p14:tracePt t="30780" x="1716088" y="3756025"/>
          <p14:tracePt t="30800" x="1716088" y="3763963"/>
          <p14:tracePt t="30822" x="1716088" y="3773488"/>
          <p14:tracePt t="30849" x="1724025" y="3781425"/>
          <p14:tracePt t="30864" x="1733550" y="3790950"/>
          <p14:tracePt t="30884" x="1733550" y="3798888"/>
          <p14:tracePt t="38285" x="1758950" y="3798888"/>
          <p14:tracePt t="38292" x="1784350" y="3798888"/>
          <p14:tracePt t="38299" x="1817688" y="3806825"/>
          <p14:tracePt t="38305" x="1852613" y="3806825"/>
          <p14:tracePt t="38313" x="1885950" y="3816350"/>
          <p14:tracePt t="38319" x="1928813" y="3816350"/>
          <p14:tracePt t="38326" x="1962150" y="3816350"/>
          <p14:tracePt t="38333" x="1997075" y="3824288"/>
          <p14:tracePt t="38340" x="2038350" y="3824288"/>
          <p14:tracePt t="38348" x="2073275" y="3824288"/>
          <p14:tracePt t="38353" x="2116138" y="3832225"/>
          <p14:tracePt t="38363" x="2141538" y="3832225"/>
          <p14:tracePt t="38367" x="2174875" y="3832225"/>
          <p14:tracePt t="38374" x="2208213" y="3832225"/>
          <p14:tracePt t="38381" x="2243138" y="3832225"/>
          <p14:tracePt t="38388" x="2260600" y="3841750"/>
          <p14:tracePt t="38396" x="2286000" y="3849688"/>
          <p14:tracePt t="38402" x="2311400" y="3857625"/>
          <p14:tracePt t="38409" x="2336800" y="3857625"/>
          <p14:tracePt t="38415" x="2352675" y="3867150"/>
          <p14:tracePt t="38422" x="2379663" y="3867150"/>
          <p14:tracePt t="38429" x="2405063" y="3867150"/>
          <p14:tracePt t="38437" x="2420938" y="3875088"/>
          <p14:tracePt t="38444" x="2438400" y="3875088"/>
          <p14:tracePt t="38450" x="2463800" y="3883025"/>
          <p14:tracePt t="38457" x="2471738" y="3883025"/>
          <p14:tracePt t="38464" x="2497138" y="3892550"/>
          <p14:tracePt t="38471" x="2524125" y="3892550"/>
          <p14:tracePt t="38479" x="2549525" y="3900488"/>
          <p14:tracePt t="38485" x="2574925" y="3908425"/>
          <p14:tracePt t="38492" x="2608263" y="3917950"/>
          <p14:tracePt t="38499" x="2641600" y="3925888"/>
          <p14:tracePt t="38505" x="2676525" y="3935413"/>
          <p14:tracePt t="38514" x="2709863" y="3943350"/>
          <p14:tracePt t="38519" x="2744788" y="3951288"/>
          <p14:tracePt t="38528" x="2760663" y="3951288"/>
          <p14:tracePt t="38533" x="2786063" y="3960813"/>
          <p14:tracePt t="38540" x="2811463" y="3960813"/>
          <p14:tracePt t="38547" x="2820988" y="3960813"/>
          <p14:tracePt t="38554" x="2846388" y="3968750"/>
          <p14:tracePt t="38562" x="2863850" y="3976688"/>
          <p14:tracePt t="38568" x="2879725" y="3976688"/>
          <p14:tracePt t="38575" x="2889250" y="3986213"/>
          <p14:tracePt t="38582" x="2905125" y="3994150"/>
          <p14:tracePt t="38588" x="2922588" y="4002088"/>
          <p14:tracePt t="38603" x="2930525" y="4002088"/>
          <p14:tracePt t="38609" x="2947988" y="4002088"/>
          <p14:tracePt t="38623" x="2955925" y="4002088"/>
          <p14:tracePt t="38630" x="2965450" y="4002088"/>
          <p14:tracePt t="38644" x="2990850" y="4002088"/>
          <p14:tracePt t="38650" x="3016250" y="4002088"/>
          <p14:tracePt t="38657" x="3033713" y="3994150"/>
          <p14:tracePt t="38664" x="3059113" y="3986213"/>
          <p14:tracePt t="38671" x="3084513" y="3986213"/>
          <p14:tracePt t="38679" x="3100388" y="3976688"/>
          <p14:tracePt t="38685" x="3127375" y="3976688"/>
          <p14:tracePt t="38692" x="3152775" y="3976688"/>
          <p14:tracePt t="38699" x="3160713" y="3976688"/>
          <p14:tracePt t="38706" x="3178175" y="3976688"/>
          <p14:tracePt t="38713" x="3186113" y="3976688"/>
          <p14:tracePt t="38729" x="3194050" y="3976688"/>
          <p14:tracePt t="38734" x="3211513" y="3976688"/>
          <p14:tracePt t="38747" x="3219450" y="3976688"/>
          <p14:tracePt t="38754" x="3228975" y="3968750"/>
          <p14:tracePt t="38761" x="3236913" y="3968750"/>
          <p14:tracePt t="38768" x="3254375" y="3968750"/>
          <p14:tracePt t="38775" x="3270250" y="3968750"/>
          <p14:tracePt t="38789" x="3287713" y="3968750"/>
          <p14:tracePt t="38796" x="3297238" y="3968750"/>
          <p14:tracePt t="38803" x="3313113" y="3968750"/>
          <p14:tracePt t="38812" x="3322638" y="3968750"/>
          <p14:tracePt t="38817" x="3330575" y="3968750"/>
          <p14:tracePt t="38824" x="3348038" y="3968750"/>
          <p14:tracePt t="38838" x="3363913" y="3968750"/>
          <p14:tracePt t="38846" x="3373438" y="3968750"/>
          <p14:tracePt t="38858" x="3389313" y="3968750"/>
          <p14:tracePt t="38865" x="3398838" y="3968750"/>
          <p14:tracePt t="38879" x="3406775" y="3968750"/>
          <p14:tracePt t="38886" x="3424238" y="3968750"/>
          <p14:tracePt t="38900" x="3432175" y="3968750"/>
          <p14:tracePt t="38907" x="3441700" y="3968750"/>
          <p14:tracePt t="38920" x="3449638" y="3968750"/>
          <p14:tracePt t="38927" x="3457575" y="3968750"/>
          <p14:tracePt t="38934" x="3467100" y="3968750"/>
          <p14:tracePt t="38955" x="3475038" y="3968750"/>
          <p14:tracePt t="38969" x="3482975" y="3968750"/>
          <p14:tracePt t="39004" x="3492500" y="3968750"/>
          <p14:tracePt t="39017" x="3500438" y="3968750"/>
          <p14:tracePt t="39031" x="3508375" y="3968750"/>
          <p14:tracePt t="39100" x="3508375" y="3960813"/>
          <p14:tracePt t="39106" x="3500438" y="3960813"/>
          <p14:tracePt t="47429" x="3517900" y="3960813"/>
          <p14:tracePt t="47436" x="3559175" y="3960813"/>
          <p14:tracePt t="47443" x="3594100" y="3968750"/>
          <p14:tracePt t="47450" x="3652838" y="3986213"/>
          <p14:tracePt t="47457" x="3713163" y="3986213"/>
          <p14:tracePt t="47463" x="3789363" y="4002088"/>
          <p14:tracePt t="47471" x="3857625" y="4011613"/>
          <p14:tracePt t="47479" x="3951288" y="4019550"/>
          <p14:tracePt t="47484" x="4017963" y="4044950"/>
          <p14:tracePt t="47492" x="4095750" y="4052888"/>
          <p14:tracePt t="47497" x="4146550" y="4070350"/>
          <p14:tracePt t="47504" x="4187825" y="4079875"/>
          <p14:tracePt t="47511" x="4222750" y="4087813"/>
          <p14:tracePt t="47518" x="4248150" y="4095750"/>
          <p14:tracePt t="47526" x="4273550" y="4105275"/>
          <p14:tracePt t="47532" x="4298950" y="4113213"/>
          <p14:tracePt t="47540" x="4332288" y="4121150"/>
          <p14:tracePt t="47546" x="4367213" y="4121150"/>
          <p14:tracePt t="47554" x="4392613" y="4130675"/>
          <p14:tracePt t="47561" x="4400550" y="4138613"/>
          <p14:tracePt t="47567" x="4425950" y="4138613"/>
          <p14:tracePt t="47578" x="4451350" y="4146550"/>
          <p14:tracePt t="47581" x="4460875" y="4146550"/>
          <p14:tracePt t="47588" x="4486275" y="4146550"/>
          <p14:tracePt t="47594" x="4511675" y="4146550"/>
          <p14:tracePt t="47601" x="4529138" y="4146550"/>
          <p14:tracePt t="47609" x="4554538" y="4146550"/>
          <p14:tracePt t="47615" x="4579938" y="4156075"/>
          <p14:tracePt t="47622" x="4595813" y="4164013"/>
          <p14:tracePt t="47629" x="4613275" y="4164013"/>
          <p14:tracePt t="47636" x="4630738" y="4171950"/>
          <p14:tracePt t="47644" x="4656138" y="4171950"/>
          <p14:tracePt t="47650" x="4664075" y="4181475"/>
          <p14:tracePt t="47658" x="4681538" y="4181475"/>
          <p14:tracePt t="47663" x="4699000" y="4189413"/>
          <p14:tracePt t="47679" x="4706938" y="4189413"/>
          <p14:tracePt t="47684" x="4714875" y="4189413"/>
          <p14:tracePt t="47691" x="4724400" y="4189413"/>
          <p14:tracePt t="47705" x="4732338" y="4189413"/>
          <p14:tracePt t="47711" x="4740275" y="4189413"/>
          <p14:tracePt t="47718" x="4749800" y="4189413"/>
          <p14:tracePt t="47725" x="4757738" y="4189413"/>
          <p14:tracePt t="47732" x="4765675" y="4197350"/>
          <p14:tracePt t="47746" x="4783138" y="4197350"/>
          <p14:tracePt t="47753" x="4791075" y="4197350"/>
          <p14:tracePt t="47767" x="4808538" y="4206875"/>
          <p14:tracePt t="47775" x="4818063" y="4206875"/>
          <p14:tracePt t="47787" x="4826000" y="4206875"/>
          <p14:tracePt t="47794" x="4833938" y="4206875"/>
          <p14:tracePt t="47801" x="4843463" y="4206875"/>
          <p14:tracePt t="47808" x="4851400" y="4206875"/>
          <p14:tracePt t="47815" x="4859338" y="4206875"/>
          <p14:tracePt t="47822" x="4868863" y="4206875"/>
          <p14:tracePt t="47829" x="4876800" y="4206875"/>
          <p14:tracePt t="47835" x="4884738" y="4206875"/>
          <p14:tracePt t="47843" x="4884738" y="4214813"/>
          <p14:tracePt t="47850" x="4894263" y="4214813"/>
          <p14:tracePt t="47858" x="4902200" y="4214813"/>
          <p14:tracePt t="47871" x="4910138" y="4214813"/>
          <p14:tracePt t="47877" x="4919663" y="4214813"/>
          <p14:tracePt t="47892" x="4927600" y="4224338"/>
          <p14:tracePt t="47898" x="4935538" y="4224338"/>
          <p14:tracePt t="47905" x="4945063" y="4224338"/>
          <p14:tracePt t="47926" x="4953000" y="4224338"/>
          <p14:tracePt t="47933" x="4962525" y="4224338"/>
          <p14:tracePt t="47955" x="4970463" y="4224338"/>
          <p14:tracePt t="47961" x="4978400" y="4224338"/>
          <p14:tracePt t="47967" x="4987925" y="4224338"/>
          <p14:tracePt t="47981" x="4995863" y="4224338"/>
          <p14:tracePt t="47995" x="5003800" y="4232275"/>
          <p14:tracePt t="48010" x="5013325" y="4232275"/>
          <p14:tracePt t="48017" x="5021263" y="4232275"/>
          <p14:tracePt t="48024" x="5029200" y="4240213"/>
          <p14:tracePt t="48037" x="5038725" y="4240213"/>
          <p14:tracePt t="48043" x="5046663" y="4240213"/>
          <p14:tracePt t="48058" x="5054600" y="4240213"/>
          <p14:tracePt t="48064" x="5064125" y="4249738"/>
          <p14:tracePt t="48071" x="5072063" y="4249738"/>
          <p14:tracePt t="48085" x="5080000" y="4257675"/>
          <p14:tracePt t="48092" x="5089525" y="4257675"/>
          <p14:tracePt t="48113" x="5097463" y="4257675"/>
          <p14:tracePt t="48120" x="5106988" y="4257675"/>
          <p14:tracePt t="48134" x="5114925" y="4257675"/>
          <p14:tracePt t="48168" x="5122863" y="4257675"/>
          <p14:tracePt t="48189" x="5132388" y="4257675"/>
          <p14:tracePt t="49414" x="5132388" y="4265613"/>
          <p14:tracePt t="49483" x="5132388" y="4275138"/>
          <p14:tracePt t="52174" x="5140325" y="4275138"/>
          <p14:tracePt t="52195" x="5148263" y="4275138"/>
          <p14:tracePt t="52209" x="5157788" y="4275138"/>
          <p14:tracePt t="52243" x="5165725" y="4275138"/>
          <p14:tracePt t="52250" x="5173663" y="4275138"/>
          <p14:tracePt t="52263" x="5183188" y="4275138"/>
          <p14:tracePt t="52270" x="5191125" y="4283075"/>
          <p14:tracePt t="52290" x="5199063" y="4283075"/>
          <p14:tracePt t="52297" x="5208588" y="4283075"/>
          <p14:tracePt t="52304" x="5216525" y="4283075"/>
          <p14:tracePt t="52318" x="5224463" y="4283075"/>
          <p14:tracePt t="52325" x="5233988" y="4283075"/>
          <p14:tracePt t="52346" x="5241925" y="4283075"/>
          <p14:tracePt t="52353" x="5249863" y="4283075"/>
          <p14:tracePt t="52359" x="5259388" y="4283075"/>
          <p14:tracePt t="52373" x="5267325" y="4283075"/>
          <p14:tracePt t="52389" x="5276850" y="4283075"/>
          <p14:tracePt t="52395" x="5284788" y="4283075"/>
          <p14:tracePt t="52402" x="5292725" y="4283075"/>
          <p14:tracePt t="52410" x="5302250" y="4283075"/>
          <p14:tracePt t="52426" x="5310188" y="4283075"/>
          <p14:tracePt t="52430" x="5318125" y="4283075"/>
          <p14:tracePt t="52437" x="5327650" y="4283075"/>
          <p14:tracePt t="52457" x="5335588" y="4283075"/>
          <p14:tracePt t="52464" x="5343525" y="4283075"/>
          <p14:tracePt t="52478" x="5353050" y="4283075"/>
          <p14:tracePt t="52485" x="5360988" y="4283075"/>
          <p14:tracePt t="52499" x="5378450" y="4283075"/>
          <p14:tracePt t="52509" x="5386388" y="4283075"/>
          <p14:tracePt t="52520" x="5403850" y="4283075"/>
          <p14:tracePt t="52527" x="5411788" y="4283075"/>
          <p14:tracePt t="52542" x="5429250" y="4283075"/>
          <p14:tracePt t="52547" x="5437188" y="4283075"/>
          <p14:tracePt t="52561" x="5446713" y="4283075"/>
          <p14:tracePt t="52568" x="5462588" y="4283075"/>
          <p14:tracePt t="52576" x="5462588" y="4275138"/>
          <p14:tracePt t="52583" x="5480050" y="4275138"/>
          <p14:tracePt t="52590" x="5487988" y="4275138"/>
          <p14:tracePt t="52595" x="5505450" y="4275138"/>
          <p14:tracePt t="52602" x="5513388" y="4275138"/>
          <p14:tracePt t="52609" x="5522913" y="4275138"/>
          <p14:tracePt t="52616" x="5538788" y="4275138"/>
          <p14:tracePt t="52630" x="5556250" y="4275138"/>
          <p14:tracePt t="52636" x="5573713" y="4275138"/>
          <p14:tracePt t="52643" x="5581650" y="4275138"/>
          <p14:tracePt t="52650" x="5591175" y="4275138"/>
          <p14:tracePt t="52657" x="5599113" y="4275138"/>
          <p14:tracePt t="52663" x="5616575" y="4275138"/>
          <p14:tracePt t="52670" x="5632450" y="4275138"/>
          <p14:tracePt t="52677" x="5641975" y="4275138"/>
          <p14:tracePt t="52684" x="5649913" y="4275138"/>
          <p14:tracePt t="52692" x="5657850" y="4265613"/>
          <p14:tracePt t="52698" x="5667375" y="4265613"/>
          <p14:tracePt t="52707" x="5683250" y="4265613"/>
          <p14:tracePt t="52720" x="5692775" y="4265613"/>
          <p14:tracePt t="52727" x="5708650" y="4265613"/>
          <p14:tracePt t="52740" x="5718175" y="4265613"/>
          <p14:tracePt t="52747" x="5726113" y="4265613"/>
          <p14:tracePt t="52755" x="5735638" y="4265613"/>
          <p14:tracePt t="52761" x="5743575" y="4265613"/>
          <p14:tracePt t="52768" x="5751513" y="4265613"/>
          <p14:tracePt t="52775" x="5761038" y="4265613"/>
          <p14:tracePt t="52791" x="5776913" y="4265613"/>
          <p14:tracePt t="52796" x="5786438" y="4265613"/>
          <p14:tracePt t="52816" x="5794375" y="4265613"/>
          <p14:tracePt t="52825" x="5802313" y="4265613"/>
          <p14:tracePt t="52838" x="5811838" y="4265613"/>
          <p14:tracePt t="52844" x="5819775" y="4265613"/>
          <p14:tracePt t="52851" x="5827713" y="4265613"/>
          <p14:tracePt t="52873" x="5837238" y="4265613"/>
          <p14:tracePt t="52879" x="5845175" y="4265613"/>
          <p14:tracePt t="52893" x="5853113" y="4265613"/>
          <p14:tracePt t="52908" x="5862638" y="4265613"/>
          <p14:tracePt t="52913" x="5870575" y="4265613"/>
          <p14:tracePt t="52927" x="5880100" y="4265613"/>
          <p14:tracePt t="52934" x="5888038" y="4265613"/>
          <p14:tracePt t="52948" x="5895975" y="4265613"/>
          <p14:tracePt t="52961" x="5905500" y="4265613"/>
          <p14:tracePt t="52969" x="5913438" y="4265613"/>
          <p14:tracePt t="52983" x="5930900" y="4265613"/>
          <p14:tracePt t="52996" x="5938838" y="4265613"/>
          <p14:tracePt t="53003" x="5956300" y="4265613"/>
          <p14:tracePt t="53017" x="5964238" y="4265613"/>
          <p14:tracePt t="53023" x="5972175" y="4257675"/>
          <p14:tracePt t="53031" x="5981700" y="4257675"/>
          <p14:tracePt t="53039" x="5981700" y="4249738"/>
          <p14:tracePt t="53045" x="5989638" y="4249738"/>
          <p14:tracePt t="53058" x="5997575" y="4240213"/>
          <p14:tracePt t="53072" x="6007100" y="4240213"/>
          <p14:tracePt t="53086" x="6015038" y="4232275"/>
          <p14:tracePt t="53114" x="6024563" y="4232275"/>
          <p14:tracePt t="53121" x="6024563" y="4224338"/>
          <p14:tracePt t="53128" x="6032500" y="4224338"/>
          <p14:tracePt t="53149" x="6040438" y="4224338"/>
          <p14:tracePt t="53162" x="6040438" y="4214813"/>
          <p14:tracePt t="53183" x="6049963" y="4214813"/>
          <p14:tracePt t="53198" x="6057900" y="4206875"/>
          <p14:tracePt t="53225" x="6065838" y="4206875"/>
          <p14:tracePt t="53246" x="6075363" y="4206875"/>
          <p14:tracePt t="53259" x="6083300" y="4206875"/>
          <p14:tracePt t="53294" x="6091238" y="4206875"/>
          <p14:tracePt t="53653" x="6091238" y="4197350"/>
          <p14:tracePt t="53702" x="6100763" y="4189413"/>
          <p14:tracePt t="53722" x="6100763" y="4181475"/>
          <p14:tracePt t="53730" x="6108700" y="4181475"/>
          <p14:tracePt t="53751" x="6116638" y="4171950"/>
          <p14:tracePt t="53764" x="6126163" y="4171950"/>
          <p14:tracePt t="53773" x="6126163" y="4164013"/>
          <p14:tracePt t="53778" x="6134100" y="4164013"/>
          <p14:tracePt t="53785" x="6142038" y="4156075"/>
          <p14:tracePt t="53806" x="6151563" y="4156075"/>
          <p14:tracePt t="53812" x="6159500" y="4156075"/>
          <p14:tracePt t="53820" x="6167438" y="4146550"/>
          <p14:tracePt t="53834" x="6167438" y="4138613"/>
          <p14:tracePt t="53855" x="6176963" y="4138613"/>
          <p14:tracePt t="53868" x="6184900" y="4138613"/>
          <p14:tracePt t="53902" x="6194425" y="4138613"/>
          <p14:tracePt t="54249" x="6202363" y="4138613"/>
          <p14:tracePt t="54907" x="6210300" y="4138613"/>
          <p14:tracePt t="56463" x="6210300" y="4146550"/>
          <p14:tracePt t="56657" x="6202363" y="4146550"/>
          <p14:tracePt t="58324" x="6194425" y="4146550"/>
          <p14:tracePt t="58330" x="6194425" y="4156075"/>
          <p14:tracePt t="58351" x="6184900" y="4156075"/>
          <p14:tracePt t="58357" x="6184900" y="4164013"/>
          <p14:tracePt t="58372" x="6176963" y="4171950"/>
          <p14:tracePt t="58392" x="6167438" y="4171950"/>
          <p14:tracePt t="58399" x="6159500" y="4171950"/>
          <p14:tracePt t="58406" x="6151563" y="4181475"/>
          <p14:tracePt t="58413" x="6151563" y="4189413"/>
          <p14:tracePt t="58421" x="6126163" y="4197350"/>
          <p14:tracePt t="58427" x="6116638" y="4197350"/>
          <p14:tracePt t="58434" x="6083300" y="4206875"/>
          <p14:tracePt t="58440" x="6057900" y="4214813"/>
          <p14:tracePt t="58447" x="6007100" y="4224338"/>
          <p14:tracePt t="58455" x="5930900" y="4249738"/>
          <p14:tracePt t="58462" x="5845175" y="4257675"/>
          <p14:tracePt t="58469" x="5726113" y="4291013"/>
          <p14:tracePt t="58476" x="5607050" y="4316413"/>
          <p14:tracePt t="58483" x="5480050" y="4341813"/>
          <p14:tracePt t="58491" x="5368925" y="4368800"/>
          <p14:tracePt t="58495" x="5249863" y="4376738"/>
          <p14:tracePt t="58505" x="5122863" y="4402138"/>
          <p14:tracePt t="58510" x="5013325" y="4410075"/>
          <p14:tracePt t="58517" x="4894263" y="4419600"/>
          <p14:tracePt t="58523" x="4783138" y="4445000"/>
          <p14:tracePt t="58530" x="4664075" y="4445000"/>
          <p14:tracePt t="58537" x="4579938" y="4452938"/>
          <p14:tracePt t="58544" x="4476750" y="4478338"/>
          <p14:tracePt t="58551" x="4410075" y="4478338"/>
          <p14:tracePt t="58558" x="4324350" y="4486275"/>
          <p14:tracePt t="58565" x="4265613" y="4495800"/>
          <p14:tracePt t="58572" x="4205288" y="4495800"/>
          <p14:tracePt t="58578" x="4146550" y="4495800"/>
          <p14:tracePt t="58587" x="4103688" y="4495800"/>
          <p14:tracePt t="58593" x="4052888" y="4503738"/>
          <p14:tracePt t="58600" x="4010025" y="4503738"/>
          <p14:tracePt t="58607" x="3984625" y="4503738"/>
          <p14:tracePt t="58614" x="3951288" y="4503738"/>
          <p14:tracePt t="58622" x="3925888" y="4513263"/>
          <p14:tracePt t="58628" x="3908425" y="4513263"/>
          <p14:tracePt t="58635" x="3890963" y="4513263"/>
          <p14:tracePt t="58641" x="3883025" y="4513263"/>
          <p14:tracePt t="58650" x="3873500" y="4513263"/>
          <p14:tracePt t="58656" x="3865563" y="4513263"/>
          <p14:tracePt t="58683" x="3890963" y="4513263"/>
          <p14:tracePt t="58689" x="4010025" y="4495800"/>
          <p14:tracePt t="58696" x="4248150" y="4452938"/>
          <p14:tracePt t="59057" x="4248150" y="4486275"/>
          <p14:tracePt t="59064" x="4298950" y="4564063"/>
          <p14:tracePt t="59070" x="4306888" y="4579938"/>
          <p14:tracePt t="59077" x="4316413" y="4579938"/>
          <p14:tracePt t="59084" x="4324350" y="4597400"/>
          <p14:tracePt t="59091" x="4349750" y="4622800"/>
          <p14:tracePt t="59098" x="4349750" y="4630738"/>
          <p14:tracePt t="59105" x="4359275" y="4630738"/>
          <p14:tracePt t="59119" x="4367213" y="4630738"/>
          <p14:tracePt t="59126" x="4375150" y="4640263"/>
          <p14:tracePt t="59146" x="4375150" y="4648200"/>
          <p14:tracePt t="59223" x="4375150" y="4657725"/>
          <p14:tracePt t="59230" x="4384675" y="4673600"/>
          <p14:tracePt t="59237" x="4392613" y="4673600"/>
          <p14:tracePt t="59244" x="4392613" y="4683125"/>
          <p14:tracePt t="59327" x="4392613" y="4691063"/>
          <p14:tracePt t="59334" x="4400550" y="4691063"/>
          <p14:tracePt t="59347" x="4400550" y="4683125"/>
          <p14:tracePt t="59353" x="4400550" y="4691063"/>
          <p14:tracePt t="68672" x="4384675" y="4716463"/>
          <p14:tracePt t="68679" x="4349750" y="4741863"/>
          <p14:tracePt t="68686" x="4316413" y="4784725"/>
          <p14:tracePt t="68692" x="4273550" y="4810125"/>
          <p14:tracePt t="68702" x="4222750" y="4852988"/>
          <p14:tracePt t="68707" x="4171950" y="4886325"/>
          <p14:tracePt t="68713" x="4121150" y="4946650"/>
          <p14:tracePt t="68723" x="4060825" y="4987925"/>
          <p14:tracePt t="68728" x="4002088" y="5038725"/>
          <p14:tracePt t="68736" x="3925888" y="5081588"/>
          <p14:tracePt t="68741" x="3865563" y="5116513"/>
          <p14:tracePt t="68748" x="3789363" y="5141913"/>
          <p14:tracePt t="68755" x="3729038" y="5175250"/>
          <p14:tracePt t="68762" x="3670300" y="5200650"/>
          <p14:tracePt t="68769" x="3602038" y="5226050"/>
          <p14:tracePt t="68776" x="3551238" y="5251450"/>
          <p14:tracePt t="68783" x="3508375" y="5276850"/>
          <p14:tracePt t="68791" x="3441700" y="5311775"/>
          <p14:tracePt t="68797" x="3363913" y="5327650"/>
          <p14:tracePt t="68804" x="3279775" y="5362575"/>
          <p14:tracePt t="68809" x="3186113" y="5395913"/>
          <p14:tracePt t="68818" x="3127375" y="5413375"/>
          <p14:tracePt t="68824" x="3067050" y="5438775"/>
          <p14:tracePt t="68830" x="3033713" y="5456238"/>
          <p14:tracePt t="68837" x="2998788" y="5464175"/>
          <p14:tracePt t="68844" x="2947988" y="5481638"/>
          <p14:tracePt t="68851" x="2905125" y="5489575"/>
          <p14:tracePt t="68858" x="2871788" y="5507038"/>
          <p14:tracePt t="68865" x="2820988" y="5532438"/>
          <p14:tracePt t="68871" x="2786063" y="5540375"/>
          <p14:tracePt t="68879" x="2744788" y="5557838"/>
          <p14:tracePt t="68886" x="2719388" y="5565775"/>
          <p14:tracePt t="68893" x="2693988" y="5583238"/>
          <p14:tracePt t="68902" x="2668588" y="5591175"/>
          <p14:tracePt t="68907" x="2659063" y="5591175"/>
          <p14:tracePt t="68914" x="2641600" y="5600700"/>
          <p14:tracePt t="68920" x="2616200" y="5616575"/>
          <p14:tracePt t="68927" x="2600325" y="5616575"/>
          <p14:tracePt t="68935" x="2582863" y="5626100"/>
          <p14:tracePt t="68941" x="2574925" y="5626100"/>
          <p14:tracePt t="68948" x="2557463" y="5634038"/>
          <p14:tracePt t="68954" x="2540000" y="5634038"/>
          <p14:tracePt t="68961" x="2532063" y="5634038"/>
          <p14:tracePt t="68969" x="2524125" y="5641975"/>
          <p14:tracePt t="68976" x="2506663" y="5651500"/>
          <p14:tracePt t="68983" x="2489200" y="5659438"/>
          <p14:tracePt t="68989" x="2481263" y="5659438"/>
          <p14:tracePt t="68996" x="2463800" y="5668963"/>
          <p14:tracePt t="69003" x="2446338" y="5676900"/>
          <p14:tracePt t="69010" x="2438400" y="5684838"/>
          <p14:tracePt t="69017" x="2420938" y="5684838"/>
          <p14:tracePt t="69024" x="2395538" y="5694363"/>
          <p14:tracePt t="69031" x="2387600" y="5702300"/>
          <p14:tracePt t="69038" x="2370138" y="5710238"/>
          <p14:tracePt t="69045" x="2352675" y="5710238"/>
          <p14:tracePt t="69052" x="2336800" y="5719763"/>
          <p14:tracePt t="69058" x="2327275" y="5727700"/>
          <p14:tracePt t="69065" x="2311400" y="5735638"/>
          <p14:tracePt t="69072" x="2301875" y="5735638"/>
          <p14:tracePt t="69080" x="2293938" y="5735638"/>
          <p14:tracePt t="69089" x="2286000" y="5735638"/>
          <p14:tracePt t="69093" x="2276475" y="5745163"/>
          <p14:tracePt t="69100" x="2268538" y="5745163"/>
          <p14:tracePt t="69106" x="2260600" y="5753100"/>
          <p14:tracePt t="69114" x="2251075" y="5753100"/>
          <p14:tracePt t="69128" x="2235200" y="5761038"/>
          <p14:tracePt t="69135" x="2217738" y="5770563"/>
          <p14:tracePt t="69141" x="2217738" y="5778500"/>
          <p14:tracePt t="69148" x="2200275" y="5778500"/>
          <p14:tracePt t="69155" x="2192338" y="5788025"/>
          <p14:tracePt t="69162" x="2174875" y="5788025"/>
          <p14:tracePt t="69169" x="2166938" y="5788025"/>
          <p14:tracePt t="69176" x="2157413" y="5788025"/>
          <p14:tracePt t="69184" x="2141538" y="5795963"/>
          <p14:tracePt t="69190" x="2124075" y="5795963"/>
          <p14:tracePt t="69197" x="2124075" y="5803900"/>
          <p14:tracePt t="69203" x="2106613" y="5803900"/>
          <p14:tracePt t="69211" x="2098675" y="5803900"/>
          <p14:tracePt t="69217" x="2090738" y="5813425"/>
          <p14:tracePt t="69225" x="2081213" y="5813425"/>
          <p14:tracePt t="69231" x="2073275" y="5813425"/>
          <p14:tracePt t="69238" x="2065338" y="5813425"/>
          <p14:tracePt t="69245" x="2055813" y="5813425"/>
          <p14:tracePt t="69252" x="2047875" y="5821363"/>
          <p14:tracePt t="69267" x="2030413" y="5821363"/>
          <p14:tracePt t="69280" x="2022475" y="5821363"/>
          <p14:tracePt t="69287" x="2005013" y="5821363"/>
          <p14:tracePt t="69309" x="1997075" y="5821363"/>
          <p14:tracePt t="69316" x="1987550" y="5821363"/>
          <p14:tracePt t="69323" x="1979613" y="5821363"/>
          <p14:tracePt t="69338" x="1971675" y="5829300"/>
          <p14:tracePt t="69343" x="1962150" y="5829300"/>
          <p14:tracePt t="69357" x="1954213" y="5829300"/>
          <p14:tracePt t="69364" x="1954213" y="5838825"/>
          <p14:tracePt t="69372" x="1946275" y="5838825"/>
          <p14:tracePt t="69377" x="1936750" y="5838825"/>
          <p14:tracePt t="69391" x="1928813" y="5838825"/>
          <p14:tracePt t="69398" x="1920875" y="5846763"/>
          <p14:tracePt t="69419" x="1911350" y="5846763"/>
          <p14:tracePt t="69425" x="1903413" y="5854700"/>
          <p14:tracePt t="69432" x="1893888" y="5854700"/>
          <p14:tracePt t="69446" x="1885950" y="5854700"/>
          <p14:tracePt t="69453" x="1878013" y="5854700"/>
          <p14:tracePt t="69474" x="1868488" y="5864225"/>
          <p14:tracePt t="69480" x="1860550" y="5864225"/>
          <p14:tracePt t="69494" x="1843088" y="5872163"/>
          <p14:tracePt t="69501" x="1835150" y="5872163"/>
          <p14:tracePt t="69515" x="1827213" y="5872163"/>
          <p14:tracePt t="69522" x="1817688" y="5880100"/>
          <p14:tracePt t="69529" x="1809750" y="5880100"/>
          <p14:tracePt t="69543" x="1801813" y="5880100"/>
          <p14:tracePt t="69551" x="1792288" y="5880100"/>
          <p14:tracePt t="69556" x="1792288" y="5889625"/>
          <p14:tracePt t="69570" x="1784350" y="5889625"/>
          <p14:tracePt t="69577" x="1776413" y="5897563"/>
          <p14:tracePt t="69584" x="1766888" y="5897563"/>
          <p14:tracePt t="69604" x="1766888" y="5905500"/>
          <p14:tracePt t="69619" x="1758950" y="5905500"/>
          <p14:tracePt t="69625" x="1758950" y="5915025"/>
          <p14:tracePt t="69633" x="1749425" y="5915025"/>
          <p14:tracePt t="69639" x="1749425" y="5922963"/>
          <p14:tracePt t="69667" x="1741488" y="5932488"/>
          <p14:tracePt t="69681" x="1733550" y="5932488"/>
          <p14:tracePt t="69695" x="1724025" y="5940425"/>
          <p14:tracePt t="69730" x="1716088" y="5940425"/>
          <p14:tracePt t="69792" x="1716088" y="5948363"/>
          <p14:tracePt t="69924" x="1724025" y="5948363"/>
          <p14:tracePt t="70269" x="1716088" y="5957888"/>
          <p14:tracePt t="70276" x="1708150" y="5957888"/>
          <p14:tracePt t="70283" x="1708150" y="5965825"/>
          <p14:tracePt t="70290" x="1698625" y="5965825"/>
          <p14:tracePt t="70311" x="1690688" y="5965825"/>
          <p14:tracePt t="70317" x="1682750" y="5973763"/>
          <p14:tracePt t="70331" x="1682750" y="5983288"/>
          <p14:tracePt t="70345" x="1673225" y="5983288"/>
          <p14:tracePt t="70352" x="1665288" y="5983288"/>
          <p14:tracePt t="70368" x="1657350" y="5991225"/>
          <p14:tracePt t="70380" x="1647825" y="5999163"/>
          <p14:tracePt t="70387" x="1639888" y="5999163"/>
          <p14:tracePt t="70394" x="1639888" y="6008688"/>
          <p14:tracePt t="70401" x="1631950" y="6008688"/>
          <p14:tracePt t="70408" x="1622425" y="6008688"/>
          <p14:tracePt t="70414" x="1622425" y="6016625"/>
          <p14:tracePt t="70421" x="1622425" y="6024563"/>
          <p14:tracePt t="70429" x="1614488" y="6024563"/>
          <p14:tracePt t="70436" x="1606550" y="6024563"/>
          <p14:tracePt t="70442" x="1606550" y="6034088"/>
          <p14:tracePt t="70451" x="1597025" y="6042025"/>
          <p14:tracePt t="70456" x="1589088" y="6049963"/>
          <p14:tracePt t="70470" x="1579563" y="6049963"/>
          <p14:tracePt t="70477" x="1579563" y="6059488"/>
          <p14:tracePt t="70484" x="1571625" y="6059488"/>
          <p14:tracePt t="70490" x="1563688" y="6067425"/>
          <p14:tracePt t="70511" x="1554163" y="6076950"/>
          <p14:tracePt t="70518" x="1546225" y="6076950"/>
          <p14:tracePt t="70525" x="1546225" y="6084888"/>
          <p14:tracePt t="70533" x="1538288" y="6092825"/>
          <p14:tracePt t="70553" x="1528763" y="6092825"/>
          <p14:tracePt t="70559" x="1520825" y="6102350"/>
          <p14:tracePt t="70567" x="1520825" y="6110288"/>
          <p14:tracePt t="70587" x="1512888" y="6110288"/>
          <p14:tracePt t="70601" x="1503363" y="6118225"/>
          <p14:tracePt t="70615" x="1495425" y="6127750"/>
          <p14:tracePt t="70636" x="1495425" y="6135688"/>
          <p14:tracePt t="70651" x="1487488" y="6135688"/>
          <p14:tracePt t="70664" x="1477963" y="6143625"/>
          <p14:tracePt t="70678" x="1477963" y="6153150"/>
          <p14:tracePt t="71190" x="1470025" y="6153150"/>
          <p14:tracePt t="72593" x="2081213" y="5846763"/>
          <p14:tracePt t="72601" x="2659063" y="5634038"/>
          <p14:tracePt t="72607" x="3178175" y="5464175"/>
          <p14:tracePt t="72615" x="3695700" y="5345113"/>
          <p14:tracePt t="72622" x="4154488" y="5226050"/>
          <p14:tracePt t="72629" x="4656138" y="5141913"/>
          <p14:tracePt t="72635" x="5106988" y="5064125"/>
          <p14:tracePt t="72642" x="5573713" y="5030788"/>
          <p14:tracePt t="72651" x="6075363" y="4962525"/>
          <p14:tracePt t="72656" x="6542088" y="4946650"/>
          <p14:tracePt t="72663" x="6924675" y="4929188"/>
          <p14:tracePt t="72670" x="7221538" y="4911725"/>
          <p14:tracePt t="72677" x="7477125" y="4911725"/>
          <p14:tracePt t="72685" x="7715250" y="4911725"/>
          <p14:tracePt t="72691" x="7842250" y="4911725"/>
          <p14:tracePt t="72698" x="7951788" y="4911725"/>
          <p14:tracePt t="72704" x="8062913" y="4911725"/>
          <p14:tracePt t="72711" x="8164513" y="4911725"/>
          <p14:tracePt t="72718" x="8266113" y="4911725"/>
          <p14:tracePt t="72724" x="8318500" y="4911725"/>
          <p14:tracePt t="72732" x="8369300" y="4911725"/>
          <p14:tracePt t="72738" x="8410575" y="4911725"/>
          <p14:tracePt t="72745" x="8420100" y="4911725"/>
          <p14:tracePt t="72752" x="8435975" y="4911725"/>
          <p14:tracePt t="72759" x="8453438" y="4911725"/>
          <p14:tracePt t="72775" x="8462963" y="4911725"/>
          <p14:tracePt t="72786" x="8470900" y="4911725"/>
          <p14:tracePt t="72850" x="8462963" y="4911725"/>
          <p14:tracePt t="72863" x="8453438" y="4911725"/>
          <p14:tracePt t="72870" x="8428038" y="4911725"/>
          <p14:tracePt t="72877" x="8410575" y="4911725"/>
          <p14:tracePt t="72885" x="8377238" y="4911725"/>
          <p14:tracePt t="72891" x="8343900" y="4911725"/>
          <p14:tracePt t="72900" x="8326438" y="4911725"/>
          <p14:tracePt t="72917" x="8283575" y="4911725"/>
          <p14:tracePt t="72920" x="8266113" y="4919663"/>
          <p14:tracePt t="72926" x="8250238" y="4919663"/>
          <p14:tracePt t="72934" x="8232775" y="4919663"/>
          <p14:tracePt t="72947" x="8224838" y="4919663"/>
          <p14:tracePt t="72953" x="8215313" y="4919663"/>
          <p14:tracePt t="72968" x="8199438" y="4919663"/>
          <p14:tracePt t="72974" x="8189913" y="4919663"/>
          <p14:tracePt t="72981" x="8189913" y="4929188"/>
          <p14:tracePt t="72988" x="8174038" y="4929188"/>
          <p14:tracePt t="72995" x="8156575" y="4937125"/>
          <p14:tracePt t="73003" x="8139113" y="4946650"/>
          <p14:tracePt t="73009" x="8113713" y="4954588"/>
          <p14:tracePt t="73018" x="8088313" y="4962525"/>
          <p14:tracePt t="73022" x="8062913" y="4979988"/>
          <p14:tracePt t="73030" x="8037513" y="4987925"/>
          <p14:tracePt t="73036" x="8020050" y="4987925"/>
          <p14:tracePt t="73043" x="8004175" y="5005388"/>
          <p14:tracePt t="73052" x="7986713" y="5005388"/>
          <p14:tracePt t="73057" x="7969250" y="5013325"/>
          <p14:tracePt t="73064" x="7961313" y="5022850"/>
          <p14:tracePt t="73071" x="7951788" y="5022850"/>
          <p14:tracePt t="73078" x="7951788" y="5030788"/>
          <p14:tracePt t="73092" x="7943850" y="5030788"/>
          <p14:tracePt t="73101" x="7935913" y="5030788"/>
          <p14:tracePt t="73113" x="7926388" y="5030788"/>
          <p14:tracePt t="73140" x="7926388" y="5022850"/>
          <p14:tracePt t="73154" x="7926388" y="5013325"/>
          <p14:tracePt t="73188" x="7926388" y="5005388"/>
          <p14:tracePt t="73201" x="7926388" y="4997450"/>
          <p14:tracePt t="73492" x="7926388" y="4987925"/>
          <p14:tracePt t="73506" x="7926388" y="4979988"/>
          <p14:tracePt t="73527" x="7926388" y="4972050"/>
          <p14:tracePt t="73534" x="7935913" y="4972050"/>
          <p14:tracePt t="73548" x="7943850" y="4962525"/>
          <p14:tracePt t="73555" x="7943850" y="4954588"/>
          <p14:tracePt t="73568" x="7943850" y="4946650"/>
          <p14:tracePt t="73583" x="7951788" y="4937125"/>
          <p14:tracePt t="73596" x="7951788" y="4929188"/>
          <p14:tracePt t="73603" x="7961313" y="4929188"/>
          <p14:tracePt t="73624" x="7961313" y="4919663"/>
          <p14:tracePt t="79766" x="7961313" y="4929188"/>
          <p14:tracePt t="79773" x="7951788" y="4946650"/>
          <p14:tracePt t="79782" x="7943850" y="4946650"/>
          <p14:tracePt t="79787" x="7935913" y="4972050"/>
          <p14:tracePt t="79794" x="7935913" y="4979988"/>
          <p14:tracePt t="79801" x="7926388" y="5005388"/>
          <p14:tracePt t="79807" x="7918450" y="5022850"/>
          <p14:tracePt t="79814" x="7910513" y="5038725"/>
          <p14:tracePt t="79820" x="7900988" y="5048250"/>
          <p14:tracePt t="79828" x="7900988" y="5064125"/>
          <p14:tracePt t="79834" x="7893050" y="5081588"/>
          <p14:tracePt t="79841" x="7893050" y="5099050"/>
          <p14:tracePt t="79848" x="7885113" y="5106988"/>
          <p14:tracePt t="79855" x="7885113" y="5124450"/>
          <p14:tracePt t="79863" x="7875588" y="5132388"/>
          <p14:tracePt t="79869" x="7875588" y="5149850"/>
          <p14:tracePt t="79876" x="7867650" y="5167313"/>
          <p14:tracePt t="79883" x="7867650" y="5175250"/>
          <p14:tracePt t="79890" x="7867650" y="5183188"/>
          <p14:tracePt t="79898" x="7859713" y="5200650"/>
          <p14:tracePt t="79904" x="7850188" y="5208588"/>
          <p14:tracePt t="79911" x="7850188" y="5218113"/>
          <p14:tracePt t="79917" x="7850188" y="5226050"/>
          <p14:tracePt t="79924" x="7842250" y="5226050"/>
          <p14:tracePt t="79931" x="7842250" y="5235575"/>
          <p14:tracePt t="79938" x="7832725" y="5243513"/>
          <p14:tracePt t="79952" x="7832725" y="5251450"/>
          <p14:tracePt t="79966" x="7832725" y="5260975"/>
          <p14:tracePt t="79973" x="7824788" y="5268913"/>
          <p14:tracePt t="79986" x="7816850" y="5268913"/>
          <p14:tracePt t="79993" x="7816850" y="5276850"/>
          <p14:tracePt t="80000" x="7816850" y="5286375"/>
          <p14:tracePt t="80007" x="7816850" y="5294313"/>
          <p14:tracePt t="80028" x="7807325" y="5294313"/>
          <p14:tracePt t="80034" x="7807325" y="5302250"/>
          <p14:tracePt t="80042" x="7799388" y="5311775"/>
          <p14:tracePt t="80056" x="7791450" y="5311775"/>
          <p14:tracePt t="80076" x="7791450" y="5319713"/>
          <p14:tracePt t="80083" x="7791450" y="5327650"/>
          <p14:tracePt t="80097" x="7791450" y="5337175"/>
          <p14:tracePt t="80125" x="7791450" y="5345113"/>
          <p14:tracePt t="80139" x="7791450" y="5353050"/>
          <p14:tracePt t="80174" x="7791450" y="5362575"/>
          <p14:tracePt t="80188" x="7791450" y="5370513"/>
          <p14:tracePt t="80202" x="7791450" y="5380038"/>
          <p14:tracePt t="80237" x="7791450" y="5387975"/>
          <p14:tracePt t="80257" x="7791450" y="5395913"/>
          <p14:tracePt t="80284" x="7791450" y="5405438"/>
          <p14:tracePt t="80354" x="7791450" y="5413375"/>
          <p14:tracePt t="80445" x="7791450" y="5421313"/>
          <p14:tracePt t="80486" x="7791450" y="5430838"/>
          <p14:tracePt t="80574" x="7791450" y="5438775"/>
          <p14:tracePt t="80630" x="7791450" y="5446713"/>
          <p14:tracePt t="80721" x="7791450" y="5456238"/>
          <p14:tracePt t="86115" x="7281863" y="5106988"/>
          <p14:tracePt t="86122" x="6508750" y="4538663"/>
          <p14:tracePt t="86129" x="5786438" y="3960813"/>
          <p14:tracePt t="86136" x="5029200" y="3365500"/>
          <p14:tracePt t="86143" x="4256088" y="2805113"/>
          <p14:tracePt t="86149" x="3559175" y="2268538"/>
          <p14:tracePt t="86157" x="3041650" y="1878013"/>
          <p14:tracePt t="86163" x="2684463" y="1581150"/>
          <p14:tracePt t="86170" x="2489200" y="1393825"/>
          <p14:tracePt t="86178" x="2420938" y="1308100"/>
          <p14:tracePt t="86184" x="2395538" y="1266825"/>
          <p14:tracePt t="86191" x="2395538" y="1206500"/>
          <p14:tracePt t="86199" x="2395538" y="1173163"/>
          <p14:tracePt t="86206" x="2405063" y="1112838"/>
          <p14:tracePt t="86413" x="1979613" y="925513"/>
          <p14:tracePt t="86420" x="1452563" y="671513"/>
          <p14:tracePt t="86427" x="917575" y="415925"/>
          <p14:tracePt t="86433" x="382588" y="111125"/>
        </p14:tracePtLst>
      </p14:laserTraceLst>
    </p:ext>
  </p:extLs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19605B3-565B-4E12-A51A-4E05248CBFCA}"/>
              </a:ext>
            </a:extLst>
          </p:cNvPr>
          <p:cNvSpPr>
            <a:spLocks noGrp="1"/>
          </p:cNvSpPr>
          <p:nvPr>
            <p:ph type="title"/>
          </p:nvPr>
        </p:nvSpPr>
        <p:spPr>
          <a:xfrm>
            <a:off x="982638" y="426127"/>
            <a:ext cx="10104462" cy="972716"/>
          </a:xfrm>
        </p:spPr>
        <p:txBody>
          <a:bodyPr/>
          <a:lstStyle/>
          <a:p>
            <a:r>
              <a:rPr lang="en-US" dirty="0"/>
              <a:t>Simulations</a:t>
            </a:r>
            <a:endParaRPr lang="en-DK" dirty="0"/>
          </a:p>
        </p:txBody>
      </p:sp>
      <p:sp>
        <p:nvSpPr>
          <p:cNvPr id="3" name="Content Placeholder 2">
            <a:extLst>
              <a:ext uri="{FF2B5EF4-FFF2-40B4-BE49-F238E27FC236}">
                <a16:creationId xmlns:a16="http://schemas.microsoft.com/office/drawing/2014/main" id="{CFAB810B-9C99-478D-A72D-D1F40B07F2D9}"/>
              </a:ext>
            </a:extLst>
          </p:cNvPr>
          <p:cNvSpPr>
            <a:spLocks noGrp="1"/>
          </p:cNvSpPr>
          <p:nvPr>
            <p:ph idx="1"/>
          </p:nvPr>
        </p:nvSpPr>
        <p:spPr>
          <a:xfrm>
            <a:off x="982638" y="1706328"/>
            <a:ext cx="10104462" cy="4545578"/>
          </a:xfrm>
        </p:spPr>
        <p:txBody>
          <a:bodyPr/>
          <a:lstStyle/>
          <a:p>
            <a:r>
              <a:rPr lang="en-US" dirty="0"/>
              <a:t>Setup model in COMSOL</a:t>
            </a:r>
          </a:p>
          <a:p>
            <a:pPr lvl="1"/>
            <a:r>
              <a:rPr lang="en-US" sz="1600" i="1" dirty="0"/>
              <a:t>Heat transfer module </a:t>
            </a:r>
          </a:p>
          <a:p>
            <a:pPr lvl="1"/>
            <a:r>
              <a:rPr lang="en-US" sz="1600" i="1" dirty="0"/>
              <a:t>Boundary  conditions</a:t>
            </a:r>
            <a:endParaRPr lang="en-DK" sz="1600" i="1" dirty="0"/>
          </a:p>
        </p:txBody>
      </p:sp>
      <p:sp>
        <p:nvSpPr>
          <p:cNvPr id="4" name="Footer Placeholder 3">
            <a:extLst>
              <a:ext uri="{FF2B5EF4-FFF2-40B4-BE49-F238E27FC236}">
                <a16:creationId xmlns:a16="http://schemas.microsoft.com/office/drawing/2014/main" id="{53C3C5B0-340C-4207-80DE-AB80D87619A0}"/>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8DC42DEE-A0F4-45B5-B7E5-F3BAEC64C056}"/>
              </a:ext>
            </a:extLst>
          </p:cNvPr>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9" name="Picture 8" descr="A picture containing bird, photo, clock, flying&#10;&#10;Description automatically generated">
            <a:extLst>
              <a:ext uri="{FF2B5EF4-FFF2-40B4-BE49-F238E27FC236}">
                <a16:creationId xmlns:a16="http://schemas.microsoft.com/office/drawing/2014/main" id="{189F6CDD-E0E3-4B25-B25C-8ACD34FFDBA4}"/>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977131" y="2861987"/>
            <a:ext cx="2589281" cy="2977902"/>
          </a:xfrm>
          <a:prstGeom prst="rect">
            <a:avLst/>
          </a:prstGeom>
        </p:spPr>
      </p:pic>
      <p:sp>
        <p:nvSpPr>
          <p:cNvPr id="11" name="TextBox 10">
            <a:extLst>
              <a:ext uri="{FF2B5EF4-FFF2-40B4-BE49-F238E27FC236}">
                <a16:creationId xmlns:a16="http://schemas.microsoft.com/office/drawing/2014/main" id="{8EDBCEB7-588A-4688-9D21-5B567E72B32A}"/>
              </a:ext>
            </a:extLst>
          </p:cNvPr>
          <p:cNvSpPr txBox="1"/>
          <p:nvPr/>
        </p:nvSpPr>
        <p:spPr>
          <a:xfrm>
            <a:off x="1093103" y="5852693"/>
            <a:ext cx="3672408" cy="492443"/>
          </a:xfrm>
          <a:prstGeom prst="rect">
            <a:avLst/>
          </a:prstGeom>
          <a:noFill/>
        </p:spPr>
        <p:txBody>
          <a:bodyPr wrap="square" lIns="0" tIns="0" rIns="0" bIns="0" rtlCol="0">
            <a:spAutoFit/>
          </a:bodyPr>
          <a:lstStyle/>
          <a:p>
            <a:pPr algn="l">
              <a:spcBef>
                <a:spcPts val="432"/>
              </a:spcBef>
            </a:pPr>
            <a:r>
              <a:rPr lang="en-US" b="1" dirty="0">
                <a:latin typeface="+mn-lt"/>
              </a:rPr>
              <a:t>Figure 4</a:t>
            </a:r>
            <a:br>
              <a:rPr lang="en-US" dirty="0">
                <a:latin typeface="+mn-lt"/>
              </a:rPr>
            </a:br>
            <a:r>
              <a:rPr lang="en-US" dirty="0">
                <a:latin typeface="+mn-lt"/>
              </a:rPr>
              <a:t>Geometry used in COMSOL.</a:t>
            </a:r>
            <a:endParaRPr lang="en-DK" dirty="0" err="1">
              <a:latin typeface="+mn-lt"/>
            </a:endParaRPr>
          </a:p>
        </p:txBody>
      </p:sp>
      <p:pic>
        <p:nvPicPr>
          <p:cNvPr id="29" name="Picture 28" descr="A close up of a map&#10;&#10;Description automatically generated">
            <a:extLst>
              <a:ext uri="{FF2B5EF4-FFF2-40B4-BE49-F238E27FC236}">
                <a16:creationId xmlns:a16="http://schemas.microsoft.com/office/drawing/2014/main" id="{3F04D959-9AD7-46A4-B350-FDAF2133F100}"/>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4139405" y="2766098"/>
            <a:ext cx="3528426" cy="3086595"/>
          </a:xfrm>
          <a:prstGeom prst="rect">
            <a:avLst/>
          </a:prstGeom>
        </p:spPr>
      </p:pic>
      <p:pic>
        <p:nvPicPr>
          <p:cNvPr id="31" name="Picture 30" descr="A close up of a map&#10;&#10;Description automatically generated">
            <a:extLst>
              <a:ext uri="{FF2B5EF4-FFF2-40B4-BE49-F238E27FC236}">
                <a16:creationId xmlns:a16="http://schemas.microsoft.com/office/drawing/2014/main" id="{A50214DF-342B-4B97-86CE-A7197B3E7ECC}"/>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8099846" y="2533070"/>
            <a:ext cx="3868833" cy="3384376"/>
          </a:xfrm>
          <a:prstGeom prst="rect">
            <a:avLst/>
          </a:prstGeom>
        </p:spPr>
      </p:pic>
      <p:sp>
        <p:nvSpPr>
          <p:cNvPr id="37" name="TextBox 36">
            <a:extLst>
              <a:ext uri="{FF2B5EF4-FFF2-40B4-BE49-F238E27FC236}">
                <a16:creationId xmlns:a16="http://schemas.microsoft.com/office/drawing/2014/main" id="{B2A2CBDB-C75E-40D5-A082-770A5F240263}"/>
              </a:ext>
            </a:extLst>
          </p:cNvPr>
          <p:cNvSpPr txBox="1"/>
          <p:nvPr/>
        </p:nvSpPr>
        <p:spPr>
          <a:xfrm>
            <a:off x="4139405" y="5852692"/>
            <a:ext cx="3672408" cy="492443"/>
          </a:xfrm>
          <a:prstGeom prst="rect">
            <a:avLst/>
          </a:prstGeom>
          <a:noFill/>
        </p:spPr>
        <p:txBody>
          <a:bodyPr wrap="square" lIns="0" tIns="0" rIns="0" bIns="0" rtlCol="0">
            <a:spAutoFit/>
          </a:bodyPr>
          <a:lstStyle/>
          <a:p>
            <a:pPr algn="l">
              <a:spcBef>
                <a:spcPts val="432"/>
              </a:spcBef>
            </a:pPr>
            <a:r>
              <a:rPr lang="en-US" b="1" dirty="0">
                <a:latin typeface="+mn-lt"/>
              </a:rPr>
              <a:t>Figure 5</a:t>
            </a:r>
            <a:br>
              <a:rPr lang="en-US" dirty="0">
                <a:latin typeface="+mn-lt"/>
              </a:rPr>
            </a:br>
            <a:r>
              <a:rPr lang="en-US" dirty="0">
                <a:latin typeface="+mn-lt"/>
              </a:rPr>
              <a:t>Transient heating of substrate.</a:t>
            </a:r>
            <a:endParaRPr lang="en-DK" dirty="0" err="1">
              <a:latin typeface="+mn-lt"/>
            </a:endParaRPr>
          </a:p>
        </p:txBody>
      </p:sp>
      <p:sp>
        <p:nvSpPr>
          <p:cNvPr id="39" name="TextBox 38">
            <a:extLst>
              <a:ext uri="{FF2B5EF4-FFF2-40B4-BE49-F238E27FC236}">
                <a16:creationId xmlns:a16="http://schemas.microsoft.com/office/drawing/2014/main" id="{7620E5AA-3525-4B4E-B739-147249057863}"/>
              </a:ext>
            </a:extLst>
          </p:cNvPr>
          <p:cNvSpPr txBox="1"/>
          <p:nvPr/>
        </p:nvSpPr>
        <p:spPr>
          <a:xfrm>
            <a:off x="8198058" y="5894672"/>
            <a:ext cx="3672408" cy="492443"/>
          </a:xfrm>
          <a:prstGeom prst="rect">
            <a:avLst/>
          </a:prstGeom>
          <a:noFill/>
        </p:spPr>
        <p:txBody>
          <a:bodyPr wrap="square" lIns="0" tIns="0" rIns="0" bIns="0" rtlCol="0">
            <a:spAutoFit/>
          </a:bodyPr>
          <a:lstStyle/>
          <a:p>
            <a:pPr algn="l">
              <a:spcBef>
                <a:spcPts val="432"/>
              </a:spcBef>
            </a:pPr>
            <a:r>
              <a:rPr lang="en-US" b="1" dirty="0">
                <a:latin typeface="+mn-lt"/>
              </a:rPr>
              <a:t>Figure 6</a:t>
            </a:r>
            <a:br>
              <a:rPr lang="en-US" dirty="0">
                <a:latin typeface="+mn-lt"/>
              </a:rPr>
            </a:br>
            <a:r>
              <a:rPr lang="en-US" dirty="0">
                <a:latin typeface="+mn-lt"/>
              </a:rPr>
              <a:t>Steady-state region.</a:t>
            </a:r>
            <a:endParaRPr lang="en-DK" dirty="0" err="1">
              <a:latin typeface="+mn-lt"/>
            </a:endParaRPr>
          </a:p>
        </p:txBody>
      </p:sp>
      <mc:AlternateContent xmlns:mc="http://schemas.openxmlformats.org/markup-compatibility/2006" xmlns:a14="http://schemas.microsoft.com/office/drawing/2010/main">
        <mc:Choice Requires="a14">
          <p:sp>
            <p:nvSpPr>
              <p:cNvPr id="41" name="TextBox 40">
                <a:extLst>
                  <a:ext uri="{FF2B5EF4-FFF2-40B4-BE49-F238E27FC236}">
                    <a16:creationId xmlns:a16="http://schemas.microsoft.com/office/drawing/2014/main" id="{6CC37A4F-7989-4229-9130-2D8AA481A778}"/>
                  </a:ext>
                </a:extLst>
              </p:cNvPr>
              <p:cNvSpPr txBox="1"/>
              <p:nvPr/>
            </p:nvSpPr>
            <p:spPr>
              <a:xfrm>
                <a:off x="4329225" y="1665791"/>
                <a:ext cx="3868833" cy="860877"/>
              </a:xfrm>
              <a:prstGeom prst="rect">
                <a:avLst/>
              </a:prstGeom>
              <a:noFill/>
            </p:spPr>
            <p:txBody>
              <a:bodyPr wrap="square" lIns="0" tIns="0" rIns="0" bIns="0" rtlCol="0">
                <a:spAutoFit/>
              </a:bodyPr>
              <a:lstStyle/>
              <a:p>
                <a:pPr algn="l">
                  <a:spcBef>
                    <a:spcPts val="432"/>
                  </a:spcBef>
                </a:pPr>
                <a:r>
                  <a:rPr lang="en-US" b="1" dirty="0">
                    <a:latin typeface="+mn-lt"/>
                  </a:rPr>
                  <a:t>Important definitions:</a:t>
                </a:r>
              </a:p>
              <a:p>
                <a:pPr algn="l">
                  <a:spcBef>
                    <a:spcPts val="432"/>
                  </a:spcBef>
                </a:pPr>
                <a:r>
                  <a:rPr lang="en-US" i="1" dirty="0">
                    <a:latin typeface="+mn-lt"/>
                  </a:rPr>
                  <a:t>Thermal diffusivity, </a:t>
                </a:r>
                <a14:m>
                  <m:oMath xmlns:m="http://schemas.openxmlformats.org/officeDocument/2006/math">
                    <m:r>
                      <a:rPr lang="en-US" b="0" i="1" smtClean="0">
                        <a:latin typeface="Cambria Math" panose="02040503050406030204" pitchFamily="18" charset="0"/>
                      </a:rPr>
                      <m:t>𝐷</m:t>
                    </m:r>
                    <m:r>
                      <a:rPr lang="en-US" b="0" i="1" smtClean="0">
                        <a:latin typeface="Cambria Math" panose="02040503050406030204" pitchFamily="18" charset="0"/>
                      </a:rPr>
                      <m:t>=</m:t>
                    </m:r>
                    <m:r>
                      <a:rPr lang="en-US" b="0" i="1" smtClean="0">
                        <a:latin typeface="Cambria Math" panose="02040503050406030204" pitchFamily="18" charset="0"/>
                      </a:rPr>
                      <m:t>𝜅</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𝑐</m:t>
                        </m:r>
                      </m:e>
                      <m:sub>
                        <m:r>
                          <a:rPr lang="en-US" b="0" i="1" smtClean="0">
                            <a:latin typeface="Cambria Math" panose="02040503050406030204" pitchFamily="18" charset="0"/>
                          </a:rPr>
                          <m:t>𝑝</m:t>
                        </m:r>
                      </m:sub>
                    </m:sSub>
                    <m:r>
                      <a:rPr lang="en-US" b="0" i="1" smtClean="0">
                        <a:latin typeface="Cambria Math" panose="02040503050406030204" pitchFamily="18" charset="0"/>
                      </a:rPr>
                      <m:t>𝜌</m:t>
                    </m:r>
                    <m:r>
                      <a:rPr lang="en-US" b="0" i="1" smtClean="0">
                        <a:latin typeface="Cambria Math" panose="02040503050406030204" pitchFamily="18" charset="0"/>
                      </a:rPr>
                      <m:t>)</m:t>
                    </m:r>
                  </m:oMath>
                </a14:m>
                <a:br>
                  <a:rPr lang="en-US" i="1" dirty="0">
                    <a:latin typeface="+mn-lt"/>
                  </a:rPr>
                </a:br>
                <a:r>
                  <a:rPr lang="en-US" i="1" dirty="0">
                    <a:latin typeface="+mn-lt"/>
                  </a:rPr>
                  <a:t>Thermal diffusion length, </a:t>
                </a:r>
                <a14:m>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𝐿</m:t>
                        </m:r>
                      </m:e>
                      <m:sub>
                        <m:r>
                          <m:rPr>
                            <m:sty m:val="p"/>
                          </m:rPr>
                          <a:rPr lang="en-US" b="0" i="0" smtClean="0">
                            <a:latin typeface="Cambria Math" panose="02040503050406030204" pitchFamily="18" charset="0"/>
                          </a:rPr>
                          <m:t>diff</m:t>
                        </m:r>
                      </m:sub>
                    </m:sSub>
                    <m:r>
                      <a:rPr lang="en-US" b="0" i="1" smtClean="0">
                        <a:latin typeface="Cambria Math" panose="02040503050406030204" pitchFamily="18" charset="0"/>
                      </a:rPr>
                      <m:t>=</m:t>
                    </m:r>
                    <m:rad>
                      <m:radPr>
                        <m:degHide m:val="on"/>
                        <m:ctrlPr>
                          <a:rPr lang="en-US" b="0" i="1" smtClean="0">
                            <a:latin typeface="Cambria Math" panose="02040503050406030204" pitchFamily="18" charset="0"/>
                          </a:rPr>
                        </m:ctrlPr>
                      </m:radPr>
                      <m:deg/>
                      <m:e>
                        <m:r>
                          <a:rPr lang="en-US" b="0" i="1" smtClean="0">
                            <a:latin typeface="Cambria Math" panose="02040503050406030204" pitchFamily="18" charset="0"/>
                          </a:rPr>
                          <m:t>𝐷</m:t>
                        </m:r>
                        <m:r>
                          <a:rPr lang="en-US" b="0" i="1" smtClean="0">
                            <a:latin typeface="Cambria Math" panose="02040503050406030204" pitchFamily="18" charset="0"/>
                          </a:rPr>
                          <m:t>/(2</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𝜔</m:t>
                            </m:r>
                          </m:e>
                          <m:sub>
                            <m:r>
                              <a:rPr lang="en-US" b="0" i="1" smtClean="0">
                                <a:latin typeface="Cambria Math" panose="02040503050406030204" pitchFamily="18" charset="0"/>
                              </a:rPr>
                              <m:t>0</m:t>
                            </m:r>
                          </m:sub>
                        </m:sSub>
                        <m:r>
                          <a:rPr lang="en-US" b="0" i="1" smtClean="0">
                            <a:latin typeface="Cambria Math" panose="02040503050406030204" pitchFamily="18" charset="0"/>
                          </a:rPr>
                          <m:t>)</m:t>
                        </m:r>
                      </m:e>
                    </m:rad>
                  </m:oMath>
                </a14:m>
                <a:endParaRPr lang="en-DK" i="1" dirty="0" err="1">
                  <a:latin typeface="+mn-lt"/>
                </a:endParaRPr>
              </a:p>
            </p:txBody>
          </p:sp>
        </mc:Choice>
        <mc:Fallback xmlns="">
          <p:sp>
            <p:nvSpPr>
              <p:cNvPr id="41" name="TextBox 40">
                <a:extLst>
                  <a:ext uri="{FF2B5EF4-FFF2-40B4-BE49-F238E27FC236}">
                    <a16:creationId xmlns:a16="http://schemas.microsoft.com/office/drawing/2014/main" id="{6CC37A4F-7989-4229-9130-2D8AA481A778}"/>
                  </a:ext>
                </a:extLst>
              </p:cNvPr>
              <p:cNvSpPr txBox="1">
                <a:spLocks noRot="1" noChangeAspect="1" noMove="1" noResize="1" noEditPoints="1" noAdjustHandles="1" noChangeArrowheads="1" noChangeShapeType="1" noTextEdit="1"/>
              </p:cNvSpPr>
              <p:nvPr/>
            </p:nvSpPr>
            <p:spPr>
              <a:xfrm>
                <a:off x="4329225" y="1665791"/>
                <a:ext cx="3868833" cy="860877"/>
              </a:xfrm>
              <a:prstGeom prst="rect">
                <a:avLst/>
              </a:prstGeom>
              <a:blipFill>
                <a:blip r:embed="rId9"/>
                <a:stretch>
                  <a:fillRect l="-3150" t="-7092" r="-1417" b="-12057"/>
                </a:stretch>
              </a:blipFill>
            </p:spPr>
            <p:txBody>
              <a:bodyPr/>
              <a:lstStyle/>
              <a:p>
                <a:r>
                  <a:rPr lang="en-DK">
                    <a:noFill/>
                  </a:rPr>
                  <a:t> </a:t>
                </a:r>
              </a:p>
            </p:txBody>
          </p:sp>
        </mc:Fallback>
      </mc:AlternateContent>
      <p:grpSp>
        <p:nvGrpSpPr>
          <p:cNvPr id="52" name="Group 51">
            <a:extLst>
              <a:ext uri="{FF2B5EF4-FFF2-40B4-BE49-F238E27FC236}">
                <a16:creationId xmlns:a16="http://schemas.microsoft.com/office/drawing/2014/main" id="{A843BB33-09F9-4DDA-AD8C-8D02EE3A0417}"/>
              </a:ext>
            </a:extLst>
          </p:cNvPr>
          <p:cNvGrpSpPr/>
          <p:nvPr/>
        </p:nvGrpSpPr>
        <p:grpSpPr>
          <a:xfrm>
            <a:off x="3930280" y="2793616"/>
            <a:ext cx="4061089" cy="3717199"/>
            <a:chOff x="622598" y="2780928"/>
            <a:chExt cx="4061089" cy="3717199"/>
          </a:xfrm>
          <a:solidFill>
            <a:schemeClr val="bg1"/>
          </a:solidFill>
        </p:grpSpPr>
        <p:pic>
          <p:nvPicPr>
            <p:cNvPr id="53" name="Picture 52" descr="A close up of a piece of paper&#10;&#10;Description automatically generated">
              <a:extLst>
                <a:ext uri="{FF2B5EF4-FFF2-40B4-BE49-F238E27FC236}">
                  <a16:creationId xmlns:a16="http://schemas.microsoft.com/office/drawing/2014/main" id="{DA3A654A-DFA5-47BC-A80C-D7F4135B7A8B}"/>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622598" y="2780928"/>
              <a:ext cx="4061089" cy="2977903"/>
            </a:xfrm>
            <a:prstGeom prst="rect">
              <a:avLst/>
            </a:prstGeom>
            <a:grpFill/>
          </p:spPr>
        </p:pic>
        <p:cxnSp>
          <p:nvCxnSpPr>
            <p:cNvPr id="54" name="Straight Arrow Connector 53">
              <a:extLst>
                <a:ext uri="{FF2B5EF4-FFF2-40B4-BE49-F238E27FC236}">
                  <a16:creationId xmlns:a16="http://schemas.microsoft.com/office/drawing/2014/main" id="{C6F516A1-235E-409C-8021-3B7EE3B0FFFD}"/>
                </a:ext>
              </a:extLst>
            </p:cNvPr>
            <p:cNvCxnSpPr/>
            <p:nvPr/>
          </p:nvCxnSpPr>
          <p:spPr bwMode="auto">
            <a:xfrm flipH="1">
              <a:off x="1558702" y="3861048"/>
              <a:ext cx="648072" cy="0"/>
            </a:xfrm>
            <a:prstGeom prst="straightConnector1">
              <a:avLst/>
            </a:prstGeom>
            <a:grp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5" name="Straight Arrow Connector 54">
              <a:extLst>
                <a:ext uri="{FF2B5EF4-FFF2-40B4-BE49-F238E27FC236}">
                  <a16:creationId xmlns:a16="http://schemas.microsoft.com/office/drawing/2014/main" id="{6C725417-4BF4-46AD-9E68-CB387649283A}"/>
                </a:ext>
              </a:extLst>
            </p:cNvPr>
            <p:cNvCxnSpPr/>
            <p:nvPr/>
          </p:nvCxnSpPr>
          <p:spPr bwMode="auto">
            <a:xfrm>
              <a:off x="2653142" y="4797152"/>
              <a:ext cx="648072" cy="0"/>
            </a:xfrm>
            <a:prstGeom prst="straightConnector1">
              <a:avLst/>
            </a:prstGeom>
            <a:grp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6" name="TextBox 55">
              <a:extLst>
                <a:ext uri="{FF2B5EF4-FFF2-40B4-BE49-F238E27FC236}">
                  <a16:creationId xmlns:a16="http://schemas.microsoft.com/office/drawing/2014/main" id="{C50A2792-2AA9-431C-8F52-C8F2817EF843}"/>
                </a:ext>
              </a:extLst>
            </p:cNvPr>
            <p:cNvSpPr txBox="1"/>
            <p:nvPr/>
          </p:nvSpPr>
          <p:spPr>
            <a:xfrm>
              <a:off x="652676" y="5759463"/>
              <a:ext cx="3672408" cy="738664"/>
            </a:xfrm>
            <a:prstGeom prst="rect">
              <a:avLst/>
            </a:prstGeom>
            <a:grpFill/>
          </p:spPr>
          <p:txBody>
            <a:bodyPr wrap="square" lIns="0" tIns="0" rIns="0" bIns="0" rtlCol="0">
              <a:spAutoFit/>
            </a:bodyPr>
            <a:lstStyle/>
            <a:p>
              <a:pPr algn="l">
                <a:spcBef>
                  <a:spcPts val="432"/>
                </a:spcBef>
              </a:pPr>
              <a:r>
                <a:rPr lang="en-US" b="1" dirty="0">
                  <a:latin typeface="+mn-lt"/>
                </a:rPr>
                <a:t>Figure 7</a:t>
              </a:r>
              <a:br>
                <a:rPr lang="en-US" dirty="0">
                  <a:latin typeface="+mn-lt"/>
                </a:rPr>
              </a:br>
              <a:r>
                <a:rPr lang="en-US" dirty="0">
                  <a:latin typeface="+mn-lt"/>
                </a:rPr>
                <a:t>Relative and absolute error for </a:t>
              </a:r>
              <a:br>
                <a:rPr lang="en-US" dirty="0">
                  <a:latin typeface="+mn-lt"/>
                </a:rPr>
              </a:br>
              <a:r>
                <a:rPr lang="en-US" dirty="0">
                  <a:latin typeface="+mn-lt"/>
                </a:rPr>
                <a:t>steady-state heating.</a:t>
              </a:r>
              <a:endParaRPr lang="en-DK" dirty="0" err="1">
                <a:latin typeface="+mn-lt"/>
              </a:endParaRPr>
            </a:p>
          </p:txBody>
        </p:sp>
      </p:grpSp>
      <mc:AlternateContent xmlns:mc="http://schemas.openxmlformats.org/markup-compatibility/2006" xmlns:a14="http://schemas.microsoft.com/office/drawing/2010/main">
        <mc:Choice Requires="a14">
          <p:sp>
            <p:nvSpPr>
              <p:cNvPr id="6" name="TextBox 5">
                <a:extLst>
                  <a:ext uri="{FF2B5EF4-FFF2-40B4-BE49-F238E27FC236}">
                    <a16:creationId xmlns:a16="http://schemas.microsoft.com/office/drawing/2014/main" id="{1D2A7FE2-CA9A-440B-ADAA-E6D4BB7B1165}"/>
                  </a:ext>
                </a:extLst>
              </p:cNvPr>
              <p:cNvSpPr txBox="1"/>
              <p:nvPr/>
            </p:nvSpPr>
            <p:spPr>
              <a:xfrm>
                <a:off x="8673953" y="1936837"/>
                <a:ext cx="1360309" cy="461024"/>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𝐷𝐶</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𝑟</m:t>
                          </m:r>
                        </m:e>
                      </m:d>
                      <m:r>
                        <a:rPr lang="en-US" b="0" i="1" smtClean="0">
                          <a:latin typeface="Cambria Math" panose="02040503050406030204" pitchFamily="18" charset="0"/>
                        </a:rPr>
                        <m:t>=</m:t>
                      </m:r>
                      <m:f>
                        <m:fPr>
                          <m:ctrlPr>
                            <a:rPr lang="en-US" b="0" i="1" smtClean="0">
                              <a:latin typeface="Cambria Math" panose="02040503050406030204" pitchFamily="18" charset="0"/>
                            </a:rPr>
                          </m:ctrlPr>
                        </m:fPr>
                        <m:num>
                          <m:sSub>
                            <m:sSubPr>
                              <m:ctrlPr>
                                <a:rPr lang="en-US" b="0" i="1" smtClean="0">
                                  <a:latin typeface="Cambria Math" panose="02040503050406030204" pitchFamily="18" charset="0"/>
                                </a:rPr>
                              </m:ctrlPr>
                            </m:sSubPr>
                            <m:e>
                              <m:r>
                                <a:rPr lang="en-US" b="0" i="1" smtClean="0">
                                  <a:latin typeface="Cambria Math" panose="02040503050406030204" pitchFamily="18" charset="0"/>
                                </a:rPr>
                                <m:t>𝑃</m:t>
                              </m:r>
                            </m:e>
                            <m:sub>
                              <m:r>
                                <a:rPr lang="en-US" b="0" i="1" smtClean="0">
                                  <a:latin typeface="Cambria Math" panose="02040503050406030204" pitchFamily="18" charset="0"/>
                                </a:rPr>
                                <m:t>0</m:t>
                              </m:r>
                            </m:sub>
                          </m:sSub>
                        </m:num>
                        <m:den>
                          <m:r>
                            <a:rPr lang="en-US" b="0" i="1" smtClean="0">
                              <a:latin typeface="Cambria Math" panose="02040503050406030204" pitchFamily="18" charset="0"/>
                            </a:rPr>
                            <m:t>4</m:t>
                          </m:r>
                          <m:r>
                            <a:rPr lang="en-US" b="0" i="1" smtClean="0">
                              <a:latin typeface="Cambria Math" panose="02040503050406030204" pitchFamily="18" charset="0"/>
                            </a:rPr>
                            <m:t>𝜋𝜅</m:t>
                          </m:r>
                          <m:r>
                            <a:rPr lang="en-US" b="0" i="1" smtClean="0">
                              <a:latin typeface="Cambria Math" panose="02040503050406030204" pitchFamily="18" charset="0"/>
                            </a:rPr>
                            <m:t>𝑟</m:t>
                          </m:r>
                        </m:den>
                      </m:f>
                    </m:oMath>
                  </m:oMathPara>
                </a14:m>
                <a:endParaRPr lang="en-DK" dirty="0" err="1">
                  <a:latin typeface="+mn-lt"/>
                </a:endParaRPr>
              </a:p>
            </p:txBody>
          </p:sp>
        </mc:Choice>
        <mc:Fallback xmlns="">
          <p:sp>
            <p:nvSpPr>
              <p:cNvPr id="6" name="TextBox 5">
                <a:extLst>
                  <a:ext uri="{FF2B5EF4-FFF2-40B4-BE49-F238E27FC236}">
                    <a16:creationId xmlns:a16="http://schemas.microsoft.com/office/drawing/2014/main" id="{1D2A7FE2-CA9A-440B-ADAA-E6D4BB7B1165}"/>
                  </a:ext>
                </a:extLst>
              </p:cNvPr>
              <p:cNvSpPr txBox="1">
                <a:spLocks noRot="1" noChangeAspect="1" noMove="1" noResize="1" noEditPoints="1" noAdjustHandles="1" noChangeArrowheads="1" noChangeShapeType="1" noTextEdit="1"/>
              </p:cNvSpPr>
              <p:nvPr/>
            </p:nvSpPr>
            <p:spPr>
              <a:xfrm>
                <a:off x="8673953" y="1936837"/>
                <a:ext cx="1360309" cy="461024"/>
              </a:xfrm>
              <a:prstGeom prst="rect">
                <a:avLst/>
              </a:prstGeom>
              <a:blipFill>
                <a:blip r:embed="rId11"/>
                <a:stretch>
                  <a:fillRect/>
                </a:stretch>
              </a:blipFill>
            </p:spPr>
            <p:txBody>
              <a:bodyPr/>
              <a:lstStyle/>
              <a:p>
                <a:r>
                  <a:rPr lang="en-DK">
                    <a:noFill/>
                  </a:rPr>
                  <a:t> </a:t>
                </a:r>
              </a:p>
            </p:txBody>
          </p:sp>
        </mc:Fallback>
      </mc:AlternateContent>
      <p:sp>
        <p:nvSpPr>
          <p:cNvPr id="7" name="TextBox 6">
            <a:extLst>
              <a:ext uri="{FF2B5EF4-FFF2-40B4-BE49-F238E27FC236}">
                <a16:creationId xmlns:a16="http://schemas.microsoft.com/office/drawing/2014/main" id="{482A4C13-0DE7-4028-9E85-04BE8EB4A731}"/>
              </a:ext>
            </a:extLst>
          </p:cNvPr>
          <p:cNvSpPr txBox="1"/>
          <p:nvPr/>
        </p:nvSpPr>
        <p:spPr>
          <a:xfrm>
            <a:off x="8662788" y="1659641"/>
            <a:ext cx="3868833" cy="246221"/>
          </a:xfrm>
          <a:prstGeom prst="rect">
            <a:avLst/>
          </a:prstGeom>
          <a:noFill/>
        </p:spPr>
        <p:txBody>
          <a:bodyPr wrap="square" lIns="0" tIns="0" rIns="0" bIns="0" rtlCol="0">
            <a:spAutoFit/>
          </a:bodyPr>
          <a:lstStyle/>
          <a:p>
            <a:pPr algn="l">
              <a:spcBef>
                <a:spcPts val="432"/>
              </a:spcBef>
            </a:pPr>
            <a:r>
              <a:rPr lang="en-US" b="1" dirty="0">
                <a:latin typeface="+mn-lt"/>
              </a:rPr>
              <a:t>Solution:</a:t>
            </a:r>
            <a:endParaRPr lang="en-DK" i="1" dirty="0" err="1">
              <a:latin typeface="+mn-lt"/>
            </a:endParaRPr>
          </a:p>
        </p:txBody>
      </p:sp>
      <p:pic>
        <p:nvPicPr>
          <p:cNvPr id="18" name="Audio 17">
            <a:hlinkClick r:id="" action="ppaction://media"/>
            <a:extLst>
              <a:ext uri="{FF2B5EF4-FFF2-40B4-BE49-F238E27FC236}">
                <a16:creationId xmlns:a16="http://schemas.microsoft.com/office/drawing/2014/main" id="{BF7E5C75-D122-44A6-8504-31EC6EC1CE4B}"/>
              </a:ext>
            </a:extLst>
          </p:cNvPr>
          <p:cNvPicPr>
            <a:picLocks noChangeAspect="1"/>
          </p:cNvPicPr>
          <p:nvPr>
            <a:audioFile r:link="rId3"/>
            <p:extLst>
              <p:ext uri="{DAA4B4D4-6D71-4841-9C94-3DE7FCFB9230}">
                <p14:media xmlns:p14="http://schemas.microsoft.com/office/powerpoint/2010/main" r:embed="rId2"/>
              </p:ext>
            </p:extLst>
          </p:nvPr>
        </p:nvPicPr>
        <p:blipFill>
          <a:blip r:embed="rId12"/>
          <a:stretch>
            <a:fillRect/>
          </a:stretch>
        </p:blipFill>
        <p:spPr>
          <a:xfrm>
            <a:off x="11487150" y="6154738"/>
            <a:ext cx="487363" cy="487362"/>
          </a:xfrm>
          <a:prstGeom prst="rect">
            <a:avLst/>
          </a:prstGeom>
        </p:spPr>
      </p:pic>
    </p:spTree>
    <p:custDataLst>
      <p:tags r:id="rId1"/>
    </p:custDataLst>
    <p:extLst>
      <p:ext uri="{BB962C8B-B14F-4D97-AF65-F5344CB8AC3E}">
        <p14:creationId xmlns:p14="http://schemas.microsoft.com/office/powerpoint/2010/main" val="2559137551"/>
      </p:ext>
    </p:extLst>
  </p:cSld>
  <p:clrMapOvr>
    <a:masterClrMapping/>
  </p:clrMapOvr>
  <mc:AlternateContent xmlns:mc="http://schemas.openxmlformats.org/markup-compatibility/2006">
    <mc:Choice xmlns:p14="http://schemas.microsoft.com/office/powerpoint/2010/main" Requires="p14">
      <p:transition spd="slow" p14:dur="2000" advTm="82673"/>
    </mc:Choice>
    <mc:Fallback>
      <p:transition spd="slow" advTm="82673"/>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8"/>
                                        </p:tgtEl>
                                      </p:cBhvr>
                                    </p:cmd>
                                  </p:childTnLst>
                                </p:cTn>
                              </p:par>
                            </p:childTnLst>
                          </p:cTn>
                        </p:par>
                      </p:childTnLst>
                    </p:cTn>
                  </p:par>
                  <p:par>
                    <p:cTn id="7" fill="hold">
                      <p:stCondLst>
                        <p:cond delay="indefinite"/>
                      </p:stCondLst>
                      <p:childTnLst>
                        <p:par>
                          <p:cTn id="8" fill="hold">
                            <p:stCondLst>
                              <p:cond delay="0"/>
                            </p:stCondLst>
                            <p:childTnLst>
                              <p:par>
                                <p:cTn id="9" presetID="10" presetClass="entr" presetSubtype="0" fill="hold" nodeType="clickEffect">
                                  <p:stCondLst>
                                    <p:cond delay="0"/>
                                  </p:stCondLst>
                                  <p:childTnLst>
                                    <p:set>
                                      <p:cBhvr>
                                        <p:cTn id="10" dur="1" fill="hold">
                                          <p:stCondLst>
                                            <p:cond delay="0"/>
                                          </p:stCondLst>
                                        </p:cTn>
                                        <p:tgtEl>
                                          <p:spTgt spid="52"/>
                                        </p:tgtEl>
                                        <p:attrNameLst>
                                          <p:attrName>style.visibility</p:attrName>
                                        </p:attrNameLst>
                                      </p:cBhvr>
                                      <p:to>
                                        <p:strVal val="visible"/>
                                      </p:to>
                                    </p:set>
                                    <p:animEffect transition="in" filter="fade">
                                      <p:cBhvr>
                                        <p:cTn id="11" dur="500"/>
                                        <p:tgtEl>
                                          <p:spTgt spid="52"/>
                                        </p:tgtEl>
                                      </p:cBhvr>
                                    </p:animEffect>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12" fill="hold" display="0">
                  <p:stCondLst>
                    <p:cond delay="indefinite"/>
                  </p:stCondLst>
                  <p:endCondLst>
                    <p:cond evt="onStopAudio" delay="0">
                      <p:tgtEl>
                        <p:sldTgt/>
                      </p:tgtEl>
                    </p:cond>
                  </p:endCondLst>
                </p:cTn>
                <p:tgtEl>
                  <p:spTgt spid="18"/>
                </p:tgtEl>
              </p:cMediaNode>
            </p:audio>
          </p:childTnLst>
        </p:cTn>
      </p:par>
    </p:tnLst>
  </p:timing>
  <p:extLst>
    <p:ext uri="{3A86A75C-4F4B-4683-9AE1-C65F6400EC91}">
      <p14:laserTraceLst xmlns:p14="http://schemas.microsoft.com/office/powerpoint/2010/main">
        <p14:tracePtLst>
          <p14:tracePt t="6833" x="1120775" y="1870075"/>
          <p14:tracePt t="6838" x="1503363" y="1885950"/>
          <p14:tracePt t="6846" x="1776413" y="1920875"/>
          <p14:tracePt t="6852" x="1979613" y="1920875"/>
          <p14:tracePt t="6859" x="2132013" y="1928813"/>
          <p14:tracePt t="6866" x="2251075" y="1938338"/>
          <p14:tracePt t="6873" x="2362200" y="1938338"/>
          <p14:tracePt t="6880" x="2481263" y="1963738"/>
          <p14:tracePt t="6888" x="2608263" y="1963738"/>
          <p14:tracePt t="6900" x="2719388" y="1989138"/>
          <p14:tracePt t="6903" x="2803525" y="1997075"/>
          <p14:tracePt t="6909" x="2889250" y="2005013"/>
          <p14:tracePt t="6916" x="2965450" y="2030413"/>
          <p14:tracePt t="6922" x="3041650" y="2039938"/>
          <p14:tracePt t="6931" x="3100388" y="2055813"/>
          <p14:tracePt t="6936" x="3178175" y="2082800"/>
          <p14:tracePt t="6943" x="3211513" y="2082800"/>
          <p14:tracePt t="6950" x="3236913" y="2090738"/>
          <p14:tracePt t="6955" x="3270250" y="2098675"/>
          <p14:tracePt t="6964" x="3305175" y="2108200"/>
          <p14:tracePt t="6969" x="3322638" y="2108200"/>
          <p14:tracePt t="6977" x="3338513" y="2108200"/>
          <p14:tracePt t="6983" x="3355975" y="2116138"/>
          <p14:tracePt t="6991" x="3373438" y="2116138"/>
          <p14:tracePt t="6997" x="3381375" y="2116138"/>
          <p14:tracePt t="7004" x="3398838" y="2116138"/>
          <p14:tracePt t="7011" x="3406775" y="2116138"/>
          <p14:tracePt t="7018" x="3414713" y="2116138"/>
          <p14:tracePt t="7025" x="3432175" y="2124075"/>
          <p14:tracePt t="7032" x="3441700" y="2124075"/>
          <p14:tracePt t="7046" x="3449638" y="2124075"/>
          <p14:tracePt t="7052" x="3457575" y="2124075"/>
          <p14:tracePt t="7066" x="3467100" y="2124075"/>
          <p14:tracePt t="7073" x="3482975" y="2133600"/>
          <p14:tracePt t="7088" x="3492500" y="2133600"/>
          <p14:tracePt t="7095" x="3508375" y="2133600"/>
          <p14:tracePt t="7101" x="3543300" y="2141538"/>
          <p14:tracePt t="7108" x="3576638" y="2149475"/>
          <p14:tracePt t="7115" x="3627438" y="2159000"/>
          <p14:tracePt t="7122" x="3687763" y="2166938"/>
          <p14:tracePt t="7130" x="3738563" y="2166938"/>
          <p14:tracePt t="7136" x="3789363" y="2166938"/>
          <p14:tracePt t="7144" x="3814763" y="2174875"/>
          <p14:tracePt t="7150" x="3848100" y="2174875"/>
          <p14:tracePt t="7157" x="3873500" y="2174875"/>
          <p14:tracePt t="7165" x="3883025" y="2174875"/>
          <p14:tracePt t="7171" x="3900488" y="2174875"/>
          <p14:tracePt t="7181" x="3908425" y="2174875"/>
          <p14:tracePt t="7184" x="3916363" y="2174875"/>
          <p14:tracePt t="7191" x="3925888" y="2174875"/>
          <p14:tracePt t="7198" x="3933825" y="2174875"/>
          <p14:tracePt t="7214" x="3941763" y="2174875"/>
          <p14:tracePt t="7218" x="3951288" y="2174875"/>
          <p14:tracePt t="7225" x="3959225" y="2174875"/>
          <p14:tracePt t="7232" x="3967163" y="2174875"/>
          <p14:tracePt t="7239" x="3976688" y="2174875"/>
          <p14:tracePt t="7246" x="3984625" y="2174875"/>
          <p14:tracePt t="7253" x="3992563" y="2174875"/>
          <p14:tracePt t="7261" x="4002088" y="2166938"/>
          <p14:tracePt t="7267" x="4010025" y="2166938"/>
          <p14:tracePt t="7274" x="4017963" y="2166938"/>
          <p14:tracePt t="7281" x="4027488" y="2166938"/>
          <p14:tracePt t="7296" x="4044950" y="2166938"/>
          <p14:tracePt t="7302" x="4052888" y="2166938"/>
          <p14:tracePt t="7316" x="4070350" y="2166938"/>
          <p14:tracePt t="7323" x="4078288" y="2166938"/>
          <p14:tracePt t="7337" x="4086225" y="2166938"/>
          <p14:tracePt t="7344" x="4095750" y="2166938"/>
          <p14:tracePt t="7351" x="4103688" y="2166938"/>
          <p14:tracePt t="7358" x="4111625" y="2166938"/>
          <p14:tracePt t="7365" x="4121150" y="2166938"/>
          <p14:tracePt t="7379" x="4129088" y="2166938"/>
          <p14:tracePt t="7386" x="4137025" y="2166938"/>
          <p14:tracePt t="7393" x="4146550" y="2166938"/>
          <p14:tracePt t="7415" x="4154488" y="2166938"/>
          <p14:tracePt t="7420" x="4154488" y="2159000"/>
          <p14:tracePt t="10983" x="4162425" y="2166938"/>
          <p14:tracePt t="10989" x="4162425" y="2174875"/>
          <p14:tracePt t="10996" x="4162425" y="2184400"/>
          <p14:tracePt t="11003" x="4162425" y="2192338"/>
          <p14:tracePt t="11010" x="4162425" y="2200275"/>
          <p14:tracePt t="11017" x="4171950" y="2217738"/>
          <p14:tracePt t="11024" x="4171950" y="2227263"/>
          <p14:tracePt t="11031" x="4179888" y="2235200"/>
          <p14:tracePt t="11038" x="4179888" y="2243138"/>
          <p14:tracePt t="11047" x="4187825" y="2252663"/>
          <p14:tracePt t="11051" x="4187825" y="2260600"/>
          <p14:tracePt t="11057" x="4187825" y="2268538"/>
          <p14:tracePt t="11064" x="4187825" y="2278063"/>
          <p14:tracePt t="11073" x="4187825" y="2286000"/>
          <p14:tracePt t="11081" x="4197350" y="2293938"/>
          <p14:tracePt t="11086" x="4197350" y="2303463"/>
          <p14:tracePt t="11092" x="4205288" y="2303463"/>
          <p14:tracePt t="11099" x="4205288" y="2311400"/>
          <p14:tracePt t="11106" x="4205288" y="2319338"/>
          <p14:tracePt t="11113" x="4214813" y="2319338"/>
          <p14:tracePt t="11120" x="4214813" y="2328863"/>
          <p14:tracePt t="11127" x="4214813" y="2336800"/>
          <p14:tracePt t="11134" x="4214813" y="2344738"/>
          <p14:tracePt t="11142" x="4222750" y="2344738"/>
          <p14:tracePt t="11148" x="4222750" y="2362200"/>
          <p14:tracePt t="11162" x="4222750" y="2371725"/>
          <p14:tracePt t="11169" x="4222750" y="2379663"/>
          <p14:tracePt t="11176" x="4222750" y="2387600"/>
          <p14:tracePt t="11182" x="4230688" y="2387600"/>
          <p14:tracePt t="11190" x="4230688" y="2405063"/>
          <p14:tracePt t="11196" x="4230688" y="2413000"/>
          <p14:tracePt t="11210" x="4230688" y="2430463"/>
          <p14:tracePt t="11224" x="4230688" y="2438400"/>
          <p14:tracePt t="11231" x="4230688" y="2455863"/>
          <p14:tracePt t="11246" x="4230688" y="2463800"/>
          <p14:tracePt t="11252" x="4230688" y="2481263"/>
          <p14:tracePt t="11265" x="4230688" y="2489200"/>
          <p14:tracePt t="11272" x="4230688" y="2498725"/>
          <p14:tracePt t="11279" x="4230688" y="2506663"/>
          <p14:tracePt t="11287" x="4230688" y="2516188"/>
          <p14:tracePt t="11300" x="4230688" y="2524125"/>
          <p14:tracePt t="11314" x="4230688" y="2532063"/>
          <p14:tracePt t="11321" x="4230688" y="2541588"/>
          <p14:tracePt t="11335" x="4230688" y="2549525"/>
          <p14:tracePt t="11363" x="4230688" y="2557463"/>
          <p14:tracePt t="11425" x="4230688" y="2566988"/>
          <p14:tracePt t="14814" x="4154488" y="2660650"/>
          <p14:tracePt t="14822" x="4027488" y="2778125"/>
          <p14:tracePt t="14828" x="3873500" y="2889250"/>
          <p14:tracePt t="14835" x="3756025" y="2957513"/>
          <p14:tracePt t="14842" x="3652838" y="3025775"/>
          <p14:tracePt t="14849" x="3559175" y="3094038"/>
          <p14:tracePt t="14855" x="3467100" y="3178175"/>
          <p14:tracePt t="14863" x="3398838" y="3246438"/>
          <p14:tracePt t="14869" x="3322638" y="3297238"/>
          <p14:tracePt t="14877" x="3236913" y="3348038"/>
          <p14:tracePt t="14883" x="3168650" y="3390900"/>
          <p14:tracePt t="14894" x="3109913" y="3433763"/>
          <p14:tracePt t="14897" x="3067050" y="3449638"/>
          <p14:tracePt t="14903" x="3033713" y="3475038"/>
          <p14:tracePt t="14911" x="2998788" y="3492500"/>
          <p14:tracePt t="14917" x="2973388" y="3509963"/>
          <p14:tracePt t="14924" x="2940050" y="3527425"/>
          <p14:tracePt t="14931" x="2914650" y="3543300"/>
          <p14:tracePt t="14938" x="2871788" y="3560763"/>
          <p14:tracePt t="14945" x="2838450" y="3586163"/>
          <p14:tracePt t="14952" x="2803525" y="3603625"/>
          <p14:tracePt t="14960" x="2752725" y="3619500"/>
          <p14:tracePt t="14967" x="2719388" y="3636963"/>
          <p14:tracePt t="14973" x="2684463" y="3654425"/>
          <p14:tracePt t="14980" x="2641600" y="3687763"/>
          <p14:tracePt t="14987" x="2625725" y="3697288"/>
          <p14:tracePt t="14995" x="2600325" y="3722688"/>
          <p14:tracePt t="15001" x="2574925" y="3730625"/>
          <p14:tracePt t="15007" x="2549525" y="3748088"/>
          <p14:tracePt t="15014" x="2532063" y="3763963"/>
          <p14:tracePt t="15022" x="2514600" y="3790950"/>
          <p14:tracePt t="15029" x="2489200" y="3806825"/>
          <p14:tracePt t="15035" x="2471738" y="3824288"/>
          <p14:tracePt t="15043" x="2455863" y="3832225"/>
          <p14:tracePt t="15049" x="2438400" y="3857625"/>
          <p14:tracePt t="15056" x="2413000" y="3883025"/>
          <p14:tracePt t="15062" x="2395538" y="3908425"/>
          <p14:tracePt t="15070" x="2352675" y="3935413"/>
          <p14:tracePt t="15077" x="2327275" y="3960813"/>
          <p14:tracePt t="15084" x="2293938" y="3986213"/>
          <p14:tracePt t="15091" x="2268538" y="4011613"/>
          <p14:tracePt t="15098" x="2235200" y="4052888"/>
          <p14:tracePt t="15105" x="2192338" y="4087813"/>
          <p14:tracePt t="15113" x="2149475" y="4156075"/>
          <p14:tracePt t="15119" x="2106613" y="4214813"/>
          <p14:tracePt t="15127" x="2065338" y="4291013"/>
          <p14:tracePt t="15132" x="2022475" y="4368800"/>
          <p14:tracePt t="15139" x="1971675" y="4452938"/>
          <p14:tracePt t="15146" x="1946275" y="4513263"/>
          <p14:tracePt t="15153" x="1911350" y="4564063"/>
          <p14:tracePt t="15161" x="1885950" y="4614863"/>
          <p14:tracePt t="15167" x="1860550" y="4648200"/>
          <p14:tracePt t="15175" x="1827213" y="4708525"/>
          <p14:tracePt t="15181" x="1792288" y="4759325"/>
          <p14:tracePt t="15188" x="1749425" y="4827588"/>
          <p14:tracePt t="15196" x="1724025" y="4886325"/>
          <p14:tracePt t="15201" x="1690688" y="4962525"/>
          <p14:tracePt t="15208" x="1665288" y="5038725"/>
          <p14:tracePt t="15215" x="1647825" y="5099050"/>
          <p14:tracePt t="15222" x="1639888" y="5175250"/>
          <p14:tracePt t="15229" x="1614488" y="5260975"/>
          <p14:tracePt t="15236" x="1589088" y="5362575"/>
          <p14:tracePt t="15244" x="1579563" y="5472113"/>
          <p14:tracePt t="15250" x="1579563" y="5557838"/>
          <p14:tracePt t="15257" x="1579563" y="5616575"/>
          <p14:tracePt t="15263" x="1571625" y="5676900"/>
          <p14:tracePt t="15271" x="1571625" y="5710238"/>
          <p14:tracePt t="15277" x="1571625" y="5745163"/>
          <p14:tracePt t="15285" x="1571625" y="5761038"/>
          <p14:tracePt t="15292" x="1571625" y="5788025"/>
          <p14:tracePt t="15298" x="1571625" y="5803900"/>
          <p14:tracePt t="15305" x="1571625" y="5821363"/>
          <p14:tracePt t="15312" x="1571625" y="5846763"/>
          <p14:tracePt t="15319" x="1571625" y="5872163"/>
          <p14:tracePt t="15327" x="1571625" y="5889625"/>
          <p14:tracePt t="15333" x="1579563" y="5905500"/>
          <p14:tracePt t="15340" x="1589088" y="5932488"/>
          <p14:tracePt t="15346" x="1589088" y="5948363"/>
          <p14:tracePt t="15354" x="1597025" y="5965825"/>
          <p14:tracePt t="15361" x="1614488" y="5991225"/>
          <p14:tracePt t="15368" x="1622425" y="6008688"/>
          <p14:tracePt t="15375" x="1631950" y="6016625"/>
          <p14:tracePt t="15382" x="1639888" y="6024563"/>
          <p14:tracePt t="15389" x="1647825" y="6042025"/>
          <p14:tracePt t="15395" x="1657350" y="6049963"/>
          <p14:tracePt t="15402" x="1673225" y="6067425"/>
          <p14:tracePt t="15411" x="1690688" y="6076950"/>
          <p14:tracePt t="15416" x="1698625" y="6084888"/>
          <p14:tracePt t="15423" x="1716088" y="6092825"/>
          <p14:tracePt t="15430" x="1741488" y="6102350"/>
          <p14:tracePt t="15437" x="1766888" y="6118225"/>
          <p14:tracePt t="15444" x="1792288" y="6118225"/>
          <p14:tracePt t="15451" x="1843088" y="6143625"/>
          <p14:tracePt t="15457" x="1878013" y="6161088"/>
          <p14:tracePt t="15464" x="1911350" y="6169025"/>
          <p14:tracePt t="15472" x="1962150" y="6186488"/>
          <p14:tracePt t="15478" x="1997075" y="6194425"/>
          <p14:tracePt t="15485" x="2012950" y="6203950"/>
          <p14:tracePt t="15493" x="2047875" y="6211888"/>
          <p14:tracePt t="15499" x="2073275" y="6221413"/>
          <p14:tracePt t="15506" x="2098675" y="6221413"/>
          <p14:tracePt t="15513" x="2124075" y="6229350"/>
          <p14:tracePt t="15520" x="2149475" y="6229350"/>
          <p14:tracePt t="15527" x="2182813" y="6229350"/>
          <p14:tracePt t="15534" x="2208213" y="6229350"/>
          <p14:tracePt t="15541" x="2235200" y="6229350"/>
          <p14:tracePt t="15548" x="2260600" y="6221413"/>
          <p14:tracePt t="15555" x="2293938" y="6221413"/>
          <p14:tracePt t="15562" x="2311400" y="6211888"/>
          <p14:tracePt t="15569" x="2327275" y="6203950"/>
          <p14:tracePt t="15575" x="2352675" y="6194425"/>
          <p14:tracePt t="15582" x="2370138" y="6194425"/>
          <p14:tracePt t="15590" x="2379663" y="6186488"/>
          <p14:tracePt t="15597" x="2395538" y="6178550"/>
          <p14:tracePt t="15603" x="2405063" y="6169025"/>
          <p14:tracePt t="15611" x="2413000" y="6153150"/>
          <p14:tracePt t="15616" x="2430463" y="6143625"/>
          <p14:tracePt t="15623" x="2446338" y="6127750"/>
          <p14:tracePt t="15630" x="2463800" y="6102350"/>
          <p14:tracePt t="15637" x="2489200" y="6076950"/>
          <p14:tracePt t="15644" x="2514600" y="6049963"/>
          <p14:tracePt t="15651" x="2549525" y="6024563"/>
          <p14:tracePt t="15658" x="2574925" y="5999163"/>
          <p14:tracePt t="15665" x="2608263" y="5973763"/>
          <p14:tracePt t="15672" x="2641600" y="5940425"/>
          <p14:tracePt t="15679" x="2684463" y="5915025"/>
          <p14:tracePt t="15686" x="2719388" y="5897563"/>
          <p14:tracePt t="15694" x="2744788" y="5880100"/>
          <p14:tracePt t="15699" x="2770188" y="5854700"/>
          <p14:tracePt t="15707" x="2786063" y="5846763"/>
          <p14:tracePt t="15713" x="2803525" y="5829300"/>
          <p14:tracePt t="15721" x="2828925" y="5803900"/>
          <p14:tracePt t="15727" x="2854325" y="5770563"/>
          <p14:tracePt t="15734" x="2879725" y="5745163"/>
          <p14:tracePt t="15742" x="2905125" y="5702300"/>
          <p14:tracePt t="15749" x="2940050" y="5641975"/>
          <p14:tracePt t="15755" x="2982913" y="5600700"/>
          <p14:tracePt t="15762" x="3008313" y="5557838"/>
          <p14:tracePt t="15769" x="3024188" y="5514975"/>
          <p14:tracePt t="15777" x="3033713" y="5497513"/>
          <p14:tracePt t="15783" x="3049588" y="5464175"/>
          <p14:tracePt t="15790" x="3067050" y="5438775"/>
          <p14:tracePt t="15797" x="3084513" y="5413375"/>
          <p14:tracePt t="15803" x="3092450" y="5387975"/>
          <p14:tracePt t="15811" x="3117850" y="5353050"/>
          <p14:tracePt t="15817" x="3143250" y="5302250"/>
          <p14:tracePt t="15824" x="3178175" y="5243513"/>
          <p14:tracePt t="15831" x="3219450" y="5183188"/>
          <p14:tracePt t="15838" x="3254375" y="5116513"/>
          <p14:tracePt t="15847" x="3279775" y="5064125"/>
          <p14:tracePt t="15851" x="3297238" y="5030788"/>
          <p14:tracePt t="15860" x="3330575" y="4997450"/>
          <p14:tracePt t="15866" x="3348038" y="4962525"/>
          <p14:tracePt t="15873" x="3363913" y="4937125"/>
          <p14:tracePt t="15879" x="3381375" y="4911725"/>
          <p14:tracePt t="15894" x="3414713" y="4860925"/>
          <p14:tracePt t="15900" x="3424238" y="4852988"/>
          <p14:tracePt t="15907" x="3441700" y="4835525"/>
          <p14:tracePt t="15914" x="3457575" y="4810125"/>
          <p14:tracePt t="15921" x="3467100" y="4784725"/>
          <p14:tracePt t="15929" x="3467100" y="4775200"/>
          <p14:tracePt t="15935" x="3475038" y="4759325"/>
          <p14:tracePt t="15942" x="3492500" y="4741863"/>
          <p14:tracePt t="15948" x="3500438" y="4724400"/>
          <p14:tracePt t="15956" x="3508375" y="4716463"/>
          <p14:tracePt t="15963" x="3508375" y="4699000"/>
          <p14:tracePt t="15970" x="3517900" y="4683125"/>
          <p14:tracePt t="15983" x="3517900" y="4665663"/>
          <p14:tracePt t="15990" x="3517900" y="4657725"/>
          <p14:tracePt t="15997" x="3508375" y="4648200"/>
          <p14:tracePt t="16004" x="3500438" y="4630738"/>
          <p14:tracePt t="16017" x="3492500" y="4622800"/>
          <p14:tracePt t="16025" x="3482975" y="4605338"/>
          <p14:tracePt t="16032" x="3475038" y="4605338"/>
          <p14:tracePt t="16039" x="3467100" y="4589463"/>
          <p14:tracePt t="16045" x="3449638" y="4579938"/>
          <p14:tracePt t="16053" x="3432175" y="4554538"/>
          <p14:tracePt t="16059" x="3414713" y="4538663"/>
          <p14:tracePt t="16066" x="3389313" y="4495800"/>
          <p14:tracePt t="16073" x="3363913" y="4452938"/>
          <p14:tracePt t="16080" x="3330575" y="4402138"/>
          <p14:tracePt t="16087" x="3305175" y="4351338"/>
          <p14:tracePt t="16095" x="3262313" y="4308475"/>
          <p14:tracePt t="16101" x="3236913" y="4265613"/>
          <p14:tracePt t="16108" x="3203575" y="4214813"/>
          <p14:tracePt t="16115" x="3178175" y="4171950"/>
          <p14:tracePt t="16122" x="3135313" y="4138613"/>
          <p14:tracePt t="16129" x="3100388" y="4095750"/>
          <p14:tracePt t="16136" x="3049588" y="4062413"/>
          <p14:tracePt t="16144" x="3008313" y="4019550"/>
          <p14:tracePt t="16149" x="2955925" y="3976688"/>
          <p14:tracePt t="16157" x="2905125" y="3935413"/>
          <p14:tracePt t="16164" x="2854325" y="3883025"/>
          <p14:tracePt t="16171" x="2803525" y="3832225"/>
          <p14:tracePt t="16178" x="2752725" y="3781425"/>
          <p14:tracePt t="16184" x="2701925" y="3748088"/>
          <p14:tracePt t="16191" x="2651125" y="3713163"/>
          <p14:tracePt t="16198" x="2590800" y="3671888"/>
          <p14:tracePt t="16205" x="2524125" y="3629025"/>
          <p14:tracePt t="16212" x="2446338" y="3594100"/>
          <p14:tracePt t="16219" x="2387600" y="3552825"/>
          <p14:tracePt t="16227" x="2319338" y="3527425"/>
          <p14:tracePt t="16232" x="2286000" y="3509963"/>
          <p14:tracePt t="16239" x="2243138" y="3492500"/>
          <p14:tracePt t="16246" x="2182813" y="3484563"/>
          <p14:tracePt t="16255" x="2132013" y="3475038"/>
          <p14:tracePt t="16262" x="2090738" y="3475038"/>
          <p14:tracePt t="16269" x="2047875" y="3475038"/>
          <p14:tracePt t="16276" x="2005013" y="3475038"/>
          <p14:tracePt t="16283" x="1954213" y="3475038"/>
          <p14:tracePt t="16289" x="1911350" y="3484563"/>
          <p14:tracePt t="16297" x="1860550" y="3502025"/>
          <p14:tracePt t="16303" x="1817688" y="3502025"/>
          <p14:tracePt t="16311" x="1766888" y="3527425"/>
          <p14:tracePt t="16316" x="1741488" y="3527425"/>
          <p14:tracePt t="16322" x="1708150" y="3535363"/>
          <p14:tracePt t="16329" x="1673225" y="3552825"/>
          <p14:tracePt t="16336" x="1647825" y="3560763"/>
          <p14:tracePt t="16344" x="1622425" y="3578225"/>
          <p14:tracePt t="16350" x="1606550" y="3586163"/>
          <p14:tracePt t="16357" x="1589088" y="3603625"/>
          <p14:tracePt t="16364" x="1571625" y="3619500"/>
          <p14:tracePt t="16370" x="1554163" y="3629025"/>
          <p14:tracePt t="16378" x="1528763" y="3646488"/>
          <p14:tracePt t="16385" x="1512888" y="3654425"/>
          <p14:tracePt t="16393" x="1503363" y="3671888"/>
          <p14:tracePt t="16398" x="1487488" y="3697288"/>
          <p14:tracePt t="16405" x="1470025" y="3722688"/>
          <p14:tracePt t="16412" x="1435100" y="3756025"/>
          <p14:tracePt t="16420" x="1401763" y="3790950"/>
          <p14:tracePt t="16427" x="1376363" y="3832225"/>
          <p14:tracePt t="16433" x="1350963" y="3875088"/>
          <p14:tracePt t="16440" x="1308100" y="3951288"/>
          <p14:tracePt t="16447" x="1265238" y="4019550"/>
          <p14:tracePt t="16453" x="1231900" y="4079875"/>
          <p14:tracePt t="16461" x="1198563" y="4146550"/>
          <p14:tracePt t="16467" x="1181100" y="4189413"/>
          <p14:tracePt t="16475" x="1147763" y="4240213"/>
          <p14:tracePt t="16481" x="1138238" y="4291013"/>
          <p14:tracePt t="16488" x="1130300" y="4351338"/>
          <p14:tracePt t="16495" x="1112838" y="4394200"/>
          <p14:tracePt t="16502" x="1104900" y="4445000"/>
          <p14:tracePt t="16510" x="1095375" y="4503738"/>
          <p14:tracePt t="16516" x="1095375" y="4546600"/>
          <p14:tracePt t="16523" x="1079500" y="4605338"/>
          <p14:tracePt t="16530" x="1069975" y="4665663"/>
          <p14:tracePt t="16537" x="1062038" y="4724400"/>
          <p14:tracePt t="16545" x="1062038" y="4810125"/>
          <p14:tracePt t="16552" x="1062038" y="4894263"/>
          <p14:tracePt t="16558" x="1062038" y="4979988"/>
          <p14:tracePt t="16566" x="1062038" y="5081588"/>
          <p14:tracePt t="16573" x="1062038" y="5149850"/>
          <p14:tracePt t="16580" x="1062038" y="5226050"/>
          <p14:tracePt t="16586" x="1062038" y="5294313"/>
          <p14:tracePt t="16597" x="1062038" y="5370513"/>
          <p14:tracePt t="16600" x="1062038" y="5438775"/>
          <p14:tracePt t="16607" x="1079500" y="5514975"/>
          <p14:tracePt t="16615" x="1087438" y="5600700"/>
          <p14:tracePt t="16620" x="1095375" y="5659438"/>
          <p14:tracePt t="16628" x="1095375" y="5719763"/>
          <p14:tracePt t="16634" x="1104900" y="5761038"/>
          <p14:tracePt t="16640" x="1104900" y="5795963"/>
          <p14:tracePt t="16647" x="1112838" y="5829300"/>
          <p14:tracePt t="16654" x="1112838" y="5854700"/>
          <p14:tracePt t="16661" x="1120775" y="5889625"/>
          <p14:tracePt t="16668" x="1138238" y="5922963"/>
          <p14:tracePt t="16676" x="1147763" y="5957888"/>
          <p14:tracePt t="16682" x="1155700" y="5983288"/>
          <p14:tracePt t="16689" x="1173163" y="6008688"/>
          <p14:tracePt t="16696" x="1181100" y="6016625"/>
          <p14:tracePt t="16703" x="1198563" y="6042025"/>
          <p14:tracePt t="16710" x="1198563" y="6059488"/>
          <p14:tracePt t="16716" x="1214438" y="6076950"/>
          <p14:tracePt t="16723" x="1239838" y="6084888"/>
          <p14:tracePt t="16730" x="1257300" y="6092825"/>
          <p14:tracePt t="16737" x="1274763" y="6102350"/>
          <p14:tracePt t="16744" x="1300163" y="6118225"/>
          <p14:tracePt t="16751" x="1333500" y="6127750"/>
          <p14:tracePt t="16759" x="1368425" y="6135688"/>
          <p14:tracePt t="16765" x="1401763" y="6135688"/>
          <p14:tracePt t="16772" x="1427163" y="6135688"/>
          <p14:tracePt t="16779" x="1462088" y="6135688"/>
          <p14:tracePt t="16786" x="1487488" y="6135688"/>
          <p14:tracePt t="16794" x="1520825" y="6135688"/>
          <p14:tracePt t="16800" x="1571625" y="6127750"/>
          <p14:tracePt t="16807" x="1622425" y="6118225"/>
          <p14:tracePt t="16813" x="1690688" y="6092825"/>
          <p14:tracePt t="16820" x="1792288" y="6076950"/>
          <p14:tracePt t="16827" x="1911350" y="6049963"/>
          <p14:tracePt t="16834" x="2012950" y="6024563"/>
          <p14:tracePt t="16841" x="2124075" y="6008688"/>
          <p14:tracePt t="16849" x="2200275" y="5983288"/>
          <p14:tracePt t="16856" x="2276475" y="5965825"/>
          <p14:tracePt t="16863" x="2352675" y="5948363"/>
          <p14:tracePt t="16869" x="2420938" y="5940425"/>
          <p14:tracePt t="16879" x="2506663" y="5940425"/>
          <p14:tracePt t="16883" x="2565400" y="5932488"/>
          <p14:tracePt t="16890" x="2625725" y="5922963"/>
          <p14:tracePt t="16896" x="2676525" y="5915025"/>
          <p14:tracePt t="16903" x="2701925" y="5915025"/>
          <p14:tracePt t="16911" x="2727325" y="5915025"/>
          <p14:tracePt t="16917" x="2752725" y="5915025"/>
          <p14:tracePt t="16924" x="2760663" y="5915025"/>
          <p14:tracePt t="16931" x="2778125" y="5905500"/>
          <p14:tracePt t="16938" x="2786063" y="5905500"/>
          <p14:tracePt t="16945" x="2795588" y="5897563"/>
          <p14:tracePt t="16960" x="2803525" y="5889625"/>
          <p14:tracePt t="16972" x="2811463" y="5889625"/>
          <p14:tracePt t="16986" x="2820988" y="5880100"/>
          <p14:tracePt t="16993" x="2828925" y="5872163"/>
          <p14:tracePt t="17000" x="2838450" y="5872163"/>
          <p14:tracePt t="17007" x="2838450" y="5864225"/>
          <p14:tracePt t="17014" x="2846388" y="5864225"/>
          <p14:tracePt t="17020" x="2854325" y="5854700"/>
          <p14:tracePt t="17027" x="2863850" y="5846763"/>
          <p14:tracePt t="17034" x="2871788" y="5846763"/>
          <p14:tracePt t="17041" x="2889250" y="5829300"/>
          <p14:tracePt t="17048" x="2905125" y="5821363"/>
          <p14:tracePt t="17055" x="2922588" y="5803900"/>
          <p14:tracePt t="17062" x="2947988" y="5795963"/>
          <p14:tracePt t="17068" x="2965450" y="5788025"/>
          <p14:tracePt t="17076" x="2965450" y="5778500"/>
          <p14:tracePt t="17082" x="2982913" y="5770563"/>
          <p14:tracePt t="17089" x="2990850" y="5770563"/>
          <p14:tracePt t="17109" x="2998788" y="5761038"/>
          <p14:tracePt t="17110" x="3008313" y="5753100"/>
          <p14:tracePt t="17117" x="3008313" y="5745163"/>
          <p14:tracePt t="17124" x="3016250" y="5745163"/>
          <p14:tracePt t="17131" x="3024188" y="5745163"/>
          <p14:tracePt t="17138" x="3024188" y="5735638"/>
          <p14:tracePt t="17145" x="3033713" y="5735638"/>
          <p14:tracePt t="17151" x="3033713" y="5727700"/>
          <p14:tracePt t="17165" x="3041650" y="5727700"/>
          <p14:tracePt t="17186" x="3049588" y="5719763"/>
          <p14:tracePt t="17200" x="3049588" y="5710238"/>
          <p14:tracePt t="17214" x="3049588" y="5702300"/>
          <p14:tracePt t="17228" x="3049588" y="5694363"/>
          <p14:tracePt t="17234" x="3049588" y="5684838"/>
          <p14:tracePt t="17248" x="3049588" y="5676900"/>
          <p14:tracePt t="17255" x="3059113" y="5668963"/>
          <p14:tracePt t="17262" x="3059113" y="5659438"/>
          <p14:tracePt t="17269" x="3059113" y="5651500"/>
          <p14:tracePt t="17277" x="3067050" y="5641975"/>
          <p14:tracePt t="17283" x="3067050" y="5634038"/>
          <p14:tracePt t="17290" x="3074988" y="5616575"/>
          <p14:tracePt t="17297" x="3074988" y="5600700"/>
          <p14:tracePt t="17304" x="3084513" y="5591175"/>
          <p14:tracePt t="17311" x="3084513" y="5583238"/>
          <p14:tracePt t="17317" x="3084513" y="5565775"/>
          <p14:tracePt t="17324" x="3084513" y="5557838"/>
          <p14:tracePt t="17331" x="3084513" y="5549900"/>
          <p14:tracePt t="17338" x="3092450" y="5532438"/>
          <p14:tracePt t="17345" x="3092450" y="5524500"/>
          <p14:tracePt t="17352" x="3100388" y="5514975"/>
          <p14:tracePt t="17359" x="3100388" y="5507038"/>
          <p14:tracePt t="17366" x="3109913" y="5497513"/>
          <p14:tracePt t="17373" x="3109913" y="5481638"/>
          <p14:tracePt t="17387" x="3109913" y="5464175"/>
          <p14:tracePt t="17394" x="3117850" y="5446713"/>
          <p14:tracePt t="17400" x="3117850" y="5438775"/>
          <p14:tracePt t="17407" x="3127375" y="5430838"/>
          <p14:tracePt t="17414" x="3127375" y="5421313"/>
          <p14:tracePt t="17421" x="3127375" y="5405438"/>
          <p14:tracePt t="17428" x="3135313" y="5387975"/>
          <p14:tracePt t="17435" x="3143250" y="5353050"/>
          <p14:tracePt t="17442" x="3152775" y="5327650"/>
          <p14:tracePt t="17449" x="3152775" y="5302250"/>
          <p14:tracePt t="17456" x="3160713" y="5276850"/>
          <p14:tracePt t="17463" x="3160713" y="5243513"/>
          <p14:tracePt t="17470" x="3168650" y="5226050"/>
          <p14:tracePt t="17477" x="3168650" y="5192713"/>
          <p14:tracePt t="17484" x="3168650" y="5167313"/>
          <p14:tracePt t="17490" x="3168650" y="5132388"/>
          <p14:tracePt t="17497" x="3168650" y="5106988"/>
          <p14:tracePt t="17504" x="3168650" y="5081588"/>
          <p14:tracePt t="17511" x="3160713" y="5056188"/>
          <p14:tracePt t="17518" x="3152775" y="5022850"/>
          <p14:tracePt t="17526" x="3152775" y="5005388"/>
          <p14:tracePt t="17532" x="3143250" y="4979988"/>
          <p14:tracePt t="17539" x="3135313" y="4946650"/>
          <p14:tracePt t="17546" x="3117850" y="4919663"/>
          <p14:tracePt t="17554" x="3100388" y="4886325"/>
          <p14:tracePt t="17562" x="3074988" y="4860925"/>
          <p14:tracePt t="17568" x="3059113" y="4827588"/>
          <p14:tracePt t="17576" x="3041650" y="4784725"/>
          <p14:tracePt t="17581" x="3008313" y="4741863"/>
          <p14:tracePt t="17588" x="2982913" y="4699000"/>
          <p14:tracePt t="17595" x="2940050" y="4640263"/>
          <p14:tracePt t="17602" x="2889250" y="4579938"/>
          <p14:tracePt t="17609" x="2820988" y="4513263"/>
          <p14:tracePt t="17615" x="2752725" y="4445000"/>
          <p14:tracePt t="17622" x="2684463" y="4384675"/>
          <p14:tracePt t="17629" x="2608263" y="4325938"/>
          <p14:tracePt t="17637" x="2524125" y="4283075"/>
          <p14:tracePt t="17644" x="2430463" y="4224338"/>
          <p14:tracePt t="17650" x="2352675" y="4181475"/>
          <p14:tracePt t="17657" x="2276475" y="4138613"/>
          <p14:tracePt t="17664" x="2200275" y="4113213"/>
          <p14:tracePt t="17671" x="2141538" y="4095750"/>
          <p14:tracePt t="17678" x="2090738" y="4087813"/>
          <p14:tracePt t="17685" x="2055813" y="4070350"/>
          <p14:tracePt t="17693" x="2038350" y="4070350"/>
          <p14:tracePt t="17698" x="2012950" y="4062413"/>
          <p14:tracePt t="17705" x="1987550" y="4062413"/>
          <p14:tracePt t="17712" x="1971675" y="4052888"/>
          <p14:tracePt t="17719" x="1962150" y="4052888"/>
          <p14:tracePt t="17726" x="1946275" y="4052888"/>
          <p14:tracePt t="17740" x="1936750" y="4052888"/>
          <p14:tracePt t="17754" x="1928813" y="4052888"/>
          <p14:tracePt t="17775" x="1920875" y="4052888"/>
          <p14:tracePt t="17803" x="1911350" y="4052888"/>
          <p14:tracePt t="17823" x="1903413" y="4052888"/>
          <p14:tracePt t="17850" x="1893888" y="4052888"/>
          <p14:tracePt t="17857" x="1893888" y="4062413"/>
          <p14:tracePt t="17864" x="1885950" y="4062413"/>
          <p14:tracePt t="17872" x="1885950" y="4070350"/>
          <p14:tracePt t="17886" x="1878013" y="4070350"/>
          <p14:tracePt t="17906" x="1868488" y="4079875"/>
          <p14:tracePt t="17913" x="1860550" y="4079875"/>
          <p14:tracePt t="17921" x="1852613" y="4095750"/>
          <p14:tracePt t="17927" x="1835150" y="4095750"/>
          <p14:tracePt t="17934" x="1817688" y="4105275"/>
          <p14:tracePt t="17941" x="1792288" y="4121150"/>
          <p14:tracePt t="17947" x="1766888" y="4138613"/>
          <p14:tracePt t="17955" x="1724025" y="4156075"/>
          <p14:tracePt t="17963" x="1682750" y="4181475"/>
          <p14:tracePt t="17968" x="1631950" y="4206875"/>
          <p14:tracePt t="17976" x="1563688" y="4249738"/>
          <p14:tracePt t="17982" x="1503363" y="4283075"/>
          <p14:tracePt t="17989" x="1435100" y="4325938"/>
          <p14:tracePt t="17996" x="1384300" y="4368800"/>
          <p14:tracePt t="18003" x="1350963" y="4394200"/>
          <p14:tracePt t="18011" x="1325563" y="4419600"/>
          <p14:tracePt t="18016" x="1300163" y="4445000"/>
          <p14:tracePt t="18024" x="1265238" y="4478338"/>
          <p14:tracePt t="18031" x="1239838" y="4503738"/>
          <p14:tracePt t="18038" x="1214438" y="4538663"/>
          <p14:tracePt t="18045" x="1181100" y="4579938"/>
          <p14:tracePt t="18053" x="1163638" y="4605338"/>
          <p14:tracePt t="18061" x="1130300" y="4640263"/>
          <p14:tracePt t="18065" x="1112838" y="4665663"/>
          <p14:tracePt t="18072" x="1104900" y="4691063"/>
          <p14:tracePt t="18079" x="1087438" y="4708525"/>
          <p14:tracePt t="18086" x="1079500" y="4724400"/>
          <p14:tracePt t="18093" x="1062038" y="4749800"/>
          <p14:tracePt t="18099" x="1054100" y="4767263"/>
          <p14:tracePt t="18106" x="1044575" y="4775200"/>
          <p14:tracePt t="18113" x="1028700" y="4792663"/>
          <p14:tracePt t="18120" x="1028700" y="4810125"/>
          <p14:tracePt t="18127" x="1019175" y="4835525"/>
          <p14:tracePt t="18134" x="1011238" y="4835525"/>
          <p14:tracePt t="18141" x="993775" y="4852988"/>
          <p14:tracePt t="18148" x="985838" y="4868863"/>
          <p14:tracePt t="18162" x="976313" y="4878388"/>
          <p14:tracePt t="18170" x="968375" y="4894263"/>
          <p14:tracePt t="18183" x="960438" y="4894263"/>
          <p14:tracePt t="18190" x="950913" y="4903788"/>
          <p14:tracePt t="18197" x="950913" y="4911725"/>
          <p14:tracePt t="18204" x="942975" y="4911725"/>
          <p14:tracePt t="18218" x="935038" y="4911725"/>
          <p14:tracePt t="18226" x="925513" y="4911725"/>
          <p14:tracePt t="18232" x="925513" y="4919663"/>
          <p14:tracePt t="18239" x="917575" y="4919663"/>
          <p14:tracePt t="18245" x="909638" y="4929188"/>
          <p14:tracePt t="18252" x="900113" y="4929188"/>
          <p14:tracePt t="18266" x="884238" y="4929188"/>
          <p14:tracePt t="18282" x="874713" y="4929188"/>
          <p14:tracePt t="18288" x="866775" y="4929188"/>
          <p14:tracePt t="18297" x="858838" y="4929188"/>
          <p14:tracePt t="18313" x="849313" y="4929188"/>
          <p14:tracePt t="18315" x="841375" y="4929188"/>
          <p14:tracePt t="18335" x="831850" y="4929188"/>
          <p14:tracePt t="18343" x="823913" y="4929188"/>
          <p14:tracePt t="18356" x="815975" y="4929188"/>
          <p14:tracePt t="18397" x="815975" y="4919663"/>
          <p14:tracePt t="21800" x="815975" y="4972050"/>
          <p14:tracePt t="21807" x="841375" y="5030788"/>
          <p14:tracePt t="21814" x="858838" y="5116513"/>
          <p14:tracePt t="21821" x="884238" y="5192713"/>
          <p14:tracePt t="21828" x="900113" y="5251450"/>
          <p14:tracePt t="21834" x="909638" y="5311775"/>
          <p14:tracePt t="21842" x="917575" y="5345113"/>
          <p14:tracePt t="21848" x="925513" y="5370513"/>
          <p14:tracePt t="21855" x="935038" y="5405438"/>
          <p14:tracePt t="21862" x="942975" y="5438775"/>
          <p14:tracePt t="21869" x="950913" y="5464175"/>
          <p14:tracePt t="21876" x="960438" y="5497513"/>
          <p14:tracePt t="21891" x="976313" y="5540375"/>
          <p14:tracePt t="21896" x="976313" y="5549900"/>
          <p14:tracePt t="21903" x="985838" y="5575300"/>
          <p14:tracePt t="21911" x="993775" y="5608638"/>
          <p14:tracePt t="21919" x="1003300" y="5634038"/>
          <p14:tracePt t="21927" x="1011238" y="5659438"/>
          <p14:tracePt t="21933" x="1011238" y="5684838"/>
          <p14:tracePt t="21940" x="1011238" y="5719763"/>
          <p14:tracePt t="21947" x="1019175" y="5745163"/>
          <p14:tracePt t="21954" x="1019175" y="5761038"/>
          <p14:tracePt t="21960" x="1028700" y="5788025"/>
          <p14:tracePt t="21966" x="1028700" y="5813425"/>
          <p14:tracePt t="21973" x="1028700" y="5821363"/>
          <p14:tracePt t="21980" x="1028700" y="5838825"/>
          <p14:tracePt t="21987" x="1028700" y="5854700"/>
          <p14:tracePt t="21994" x="1028700" y="5864225"/>
          <p14:tracePt t="22001" x="1028700" y="5872163"/>
          <p14:tracePt t="22008" x="1028700" y="5880100"/>
          <p14:tracePt t="22023" x="1028700" y="5889625"/>
          <p14:tracePt t="22036" x="1028700" y="5897563"/>
          <p14:tracePt t="22050" x="1036638" y="5905500"/>
          <p14:tracePt t="22056" x="1044575" y="5915025"/>
          <p14:tracePt t="22063" x="1044575" y="5922963"/>
          <p14:tracePt t="22070" x="1054100" y="5922963"/>
          <p14:tracePt t="22077" x="1062038" y="5932488"/>
          <p14:tracePt t="22084" x="1062038" y="5940425"/>
          <p14:tracePt t="22091" x="1079500" y="5940425"/>
          <p14:tracePt t="22097" x="1087438" y="5940425"/>
          <p14:tracePt t="22104" x="1087438" y="5948363"/>
          <p14:tracePt t="22111" x="1104900" y="5957888"/>
          <p14:tracePt t="22118" x="1112838" y="5965825"/>
          <p14:tracePt t="22125" x="1120775" y="5965825"/>
          <p14:tracePt t="22133" x="1138238" y="5973763"/>
          <p14:tracePt t="22139" x="1147763" y="5973763"/>
          <p14:tracePt t="22146" x="1155700" y="5983288"/>
          <p14:tracePt t="22153" x="1173163" y="5991225"/>
          <p14:tracePt t="22160" x="1189038" y="5999163"/>
          <p14:tracePt t="22174" x="1206500" y="6008688"/>
          <p14:tracePt t="22180" x="1223963" y="6016625"/>
          <p14:tracePt t="22187" x="1231900" y="6016625"/>
          <p14:tracePt t="22194" x="1239838" y="6024563"/>
          <p14:tracePt t="22201" x="1249363" y="6024563"/>
          <p14:tracePt t="22208" x="1265238" y="6034088"/>
          <p14:tracePt t="22215" x="1274763" y="6034088"/>
          <p14:tracePt t="22222" x="1282700" y="6034088"/>
          <p14:tracePt t="22229" x="1290638" y="6042025"/>
          <p14:tracePt t="22236" x="1300163" y="6042025"/>
          <p14:tracePt t="22243" x="1308100" y="6042025"/>
          <p14:tracePt t="22249" x="1308100" y="6049963"/>
          <p14:tracePt t="22258" x="1325563" y="6049963"/>
          <p14:tracePt t="22263" x="1333500" y="6059488"/>
          <p14:tracePt t="22277" x="1350963" y="6059488"/>
          <p14:tracePt t="22292" x="1358900" y="6067425"/>
          <p14:tracePt t="22306" x="1368425" y="6067425"/>
          <p14:tracePt t="22312" x="1376363" y="6076950"/>
          <p14:tracePt t="22326" x="1384300" y="6076950"/>
          <p14:tracePt t="22341" x="1393825" y="6084888"/>
          <p14:tracePt t="22355" x="1393825" y="6092825"/>
          <p14:tracePt t="22363" x="1401763" y="6092825"/>
          <p14:tracePt t="22377" x="1409700" y="6092825"/>
          <p14:tracePt t="24983" x="1487488" y="6084888"/>
          <p14:tracePt t="24990" x="1589088" y="6059488"/>
          <p14:tracePt t="24996" x="1690688" y="6042025"/>
          <p14:tracePt t="25003" x="1792288" y="6024563"/>
          <p14:tracePt t="25010" x="1868488" y="6008688"/>
          <p14:tracePt t="25016" x="1928813" y="5983288"/>
          <p14:tracePt t="25025" x="1971675" y="5973763"/>
          <p14:tracePt t="25030" x="2005013" y="5957888"/>
          <p14:tracePt t="25037" x="2038350" y="5948363"/>
          <p14:tracePt t="25044" x="2065338" y="5932488"/>
          <p14:tracePt t="25051" x="2098675" y="5922963"/>
          <p14:tracePt t="25058" x="2124075" y="5897563"/>
          <p14:tracePt t="25065" x="2157413" y="5872163"/>
          <p14:tracePt t="25074" x="2192338" y="5864225"/>
          <p14:tracePt t="25079" x="2225675" y="5838825"/>
          <p14:tracePt t="25086" x="2268538" y="5813425"/>
          <p14:tracePt t="25092" x="2311400" y="5778500"/>
          <p14:tracePt t="25100" x="2352675" y="5753100"/>
          <p14:tracePt t="25108" x="2387600" y="5727700"/>
          <p14:tracePt t="25113" x="2430463" y="5684838"/>
          <p14:tracePt t="25120" x="2455863" y="5659438"/>
          <p14:tracePt t="25127" x="2489200" y="5634038"/>
          <p14:tracePt t="25135" x="2514600" y="5608638"/>
          <p14:tracePt t="25141" x="2549525" y="5575300"/>
          <p14:tracePt t="25149" x="2590800" y="5540375"/>
          <p14:tracePt t="25158" x="2616200" y="5507038"/>
          <p14:tracePt t="25162" x="2651125" y="5481638"/>
          <p14:tracePt t="25169" x="2668588" y="5456238"/>
          <p14:tracePt t="25176" x="2684463" y="5438775"/>
          <p14:tracePt t="25183" x="2701925" y="5421313"/>
          <p14:tracePt t="25191" x="2727325" y="5405438"/>
          <p14:tracePt t="25197" x="2744788" y="5380038"/>
          <p14:tracePt t="25204" x="2786063" y="5345113"/>
          <p14:tracePt t="25211" x="2820988" y="5327650"/>
          <p14:tracePt t="25218" x="2854325" y="5302250"/>
          <p14:tracePt t="25226" x="2889250" y="5286375"/>
          <p14:tracePt t="25231" x="2914650" y="5260975"/>
          <p14:tracePt t="25238" x="2940050" y="5243513"/>
          <p14:tracePt t="25245" x="2955925" y="5226050"/>
          <p14:tracePt t="25252" x="2973388" y="5218113"/>
          <p14:tracePt t="25259" x="2982913" y="5200650"/>
          <p14:tracePt t="25266" x="2990850" y="5192713"/>
          <p14:tracePt t="25274" x="3008313" y="5183188"/>
          <p14:tracePt t="25280" x="3016250" y="5175250"/>
          <p14:tracePt t="25287" x="3024188" y="5157788"/>
          <p14:tracePt t="25293" x="3041650" y="5141913"/>
          <p14:tracePt t="25301" x="3059113" y="5124450"/>
          <p14:tracePt t="25308" x="3074988" y="5124450"/>
          <p14:tracePt t="25314" x="3074988" y="5099050"/>
          <p14:tracePt t="25321" x="3100388" y="5081588"/>
          <p14:tracePt t="25328" x="3117850" y="5064125"/>
          <p14:tracePt t="25335" x="3143250" y="5038725"/>
          <p14:tracePt t="25342" x="3160713" y="5022850"/>
          <p14:tracePt t="25349" x="3186113" y="4997450"/>
          <p14:tracePt t="25357" x="3203575" y="4962525"/>
          <p14:tracePt t="25363" x="3228975" y="4946650"/>
          <p14:tracePt t="25370" x="3236913" y="4919663"/>
          <p14:tracePt t="25376" x="3254375" y="4903788"/>
          <p14:tracePt t="25384" x="3270250" y="4878388"/>
          <p14:tracePt t="25392" x="3297238" y="4860925"/>
          <p14:tracePt t="25397" x="3305175" y="4852988"/>
          <p14:tracePt t="25404" x="3322638" y="4827588"/>
          <p14:tracePt t="25411" x="3330575" y="4802188"/>
          <p14:tracePt t="25418" x="3338513" y="4784725"/>
          <p14:tracePt t="25425" x="3338513" y="4775200"/>
          <p14:tracePt t="25432" x="3348038" y="4759325"/>
          <p14:tracePt t="25440" x="3355975" y="4741863"/>
          <p14:tracePt t="25446" x="3363913" y="4724400"/>
          <p14:tracePt t="25453" x="3363913" y="4708525"/>
          <p14:tracePt t="25460" x="3363913" y="4691063"/>
          <p14:tracePt t="25467" x="3363913" y="4673600"/>
          <p14:tracePt t="25474" x="3363913" y="4648200"/>
          <p14:tracePt t="25480" x="3363913" y="4630738"/>
          <p14:tracePt t="25488" x="3363913" y="4614863"/>
          <p14:tracePt t="25494" x="3363913" y="4589463"/>
          <p14:tracePt t="25502" x="3363913" y="4564063"/>
          <p14:tracePt t="25509" x="3363913" y="4538663"/>
          <p14:tracePt t="25515" x="3348038" y="4513263"/>
          <p14:tracePt t="25524" x="3338513" y="4486275"/>
          <p14:tracePt t="25529" x="3330575" y="4460875"/>
          <p14:tracePt t="25535" x="3322638" y="4452938"/>
          <p14:tracePt t="25543" x="3313113" y="4427538"/>
          <p14:tracePt t="25550" x="3297238" y="4402138"/>
          <p14:tracePt t="25556" x="3270250" y="4384675"/>
          <p14:tracePt t="25563" x="3244850" y="4359275"/>
          <p14:tracePt t="25571" x="3194050" y="4316413"/>
          <p14:tracePt t="25577" x="3117850" y="4275138"/>
          <p14:tracePt t="25584" x="3041650" y="4232275"/>
          <p14:tracePt t="25591" x="2947988" y="4197350"/>
          <p14:tracePt t="25598" x="2879725" y="4181475"/>
          <p14:tracePt t="25605" x="2803525" y="4146550"/>
          <p14:tracePt t="25612" x="2727325" y="4138613"/>
          <p14:tracePt t="25619" x="2668588" y="4121150"/>
          <p14:tracePt t="25626" x="2625725" y="4121150"/>
          <p14:tracePt t="25633" x="2582863" y="4121150"/>
          <p14:tracePt t="25640" x="2524125" y="4121150"/>
          <p14:tracePt t="25646" x="2455863" y="4121150"/>
          <p14:tracePt t="25653" x="2379663" y="4121150"/>
          <p14:tracePt t="25660" x="2311400" y="4121150"/>
          <p14:tracePt t="25667" x="2251075" y="4121150"/>
          <p14:tracePt t="25674" x="2182813" y="4121150"/>
          <p14:tracePt t="25682" x="2124075" y="4121150"/>
          <p14:tracePt t="25688" x="2065338" y="4121150"/>
          <p14:tracePt t="25695" x="2005013" y="4121150"/>
          <p14:tracePt t="25702" x="1962150" y="4121150"/>
          <p14:tracePt t="25709" x="1920875" y="4130675"/>
          <p14:tracePt t="25716" x="1860550" y="4138613"/>
          <p14:tracePt t="25724" x="1827213" y="4146550"/>
          <p14:tracePt t="25730" x="1776413" y="4156075"/>
          <p14:tracePt t="25736" x="1741488" y="4164013"/>
          <p14:tracePt t="25743" x="1724025" y="4171950"/>
          <p14:tracePt t="25750" x="1698625" y="4181475"/>
          <p14:tracePt t="25758" x="1673225" y="4181475"/>
          <p14:tracePt t="25765" x="1647825" y="4189413"/>
          <p14:tracePt t="25772" x="1639888" y="4197350"/>
          <p14:tracePt t="25780" x="1622425" y="4197350"/>
          <p14:tracePt t="25786" x="1606550" y="4206875"/>
          <p14:tracePt t="25794" x="1597025" y="4214813"/>
          <p14:tracePt t="25799" x="1579563" y="4224338"/>
          <p14:tracePt t="25808" x="1571625" y="4224338"/>
          <p14:tracePt t="25820" x="1563688" y="4232275"/>
          <p14:tracePt t="25827" x="1554163" y="4232275"/>
          <p14:tracePt t="25834" x="1546225" y="4232275"/>
          <p14:tracePt t="25848" x="1538288" y="4240213"/>
          <p14:tracePt t="25855" x="1528763" y="4240213"/>
          <p14:tracePt t="25868" x="1528763" y="4249738"/>
          <p14:tracePt t="25875" x="1520825" y="4249738"/>
          <p14:tracePt t="25890" x="1512888" y="4265613"/>
          <p14:tracePt t="25903" x="1503363" y="4275138"/>
          <p14:tracePt t="25909" x="1503363" y="4283075"/>
          <p14:tracePt t="25917" x="1503363" y="4291013"/>
          <p14:tracePt t="25930" x="1503363" y="4300538"/>
          <p14:tracePt t="25937" x="1495425" y="4308475"/>
          <p14:tracePt t="25943" x="1495425" y="4316413"/>
          <p14:tracePt t="25951" x="1495425" y="4325938"/>
          <p14:tracePt t="25958" x="1487488" y="4341813"/>
          <p14:tracePt t="25964" x="1487488" y="4359275"/>
          <p14:tracePt t="25974" x="1477963" y="4384675"/>
          <p14:tracePt t="25978" x="1477963" y="4402138"/>
          <p14:tracePt t="25985" x="1477963" y="4445000"/>
          <p14:tracePt t="25992" x="1477963" y="4478338"/>
          <p14:tracePt t="26000" x="1477963" y="4513263"/>
          <p14:tracePt t="26007" x="1477963" y="4554538"/>
          <p14:tracePt t="26012" x="1487488" y="4589463"/>
          <p14:tracePt t="26020" x="1495425" y="4622800"/>
          <p14:tracePt t="26026" x="1503363" y="4657725"/>
          <p14:tracePt t="26033" x="1512888" y="4665663"/>
          <p14:tracePt t="26040" x="1528763" y="4691063"/>
          <p14:tracePt t="26047" x="1538288" y="4708525"/>
          <p14:tracePt t="26054" x="1546225" y="4724400"/>
          <p14:tracePt t="26061" x="1546225" y="4733925"/>
          <p14:tracePt t="26068" x="1563688" y="4749800"/>
          <p14:tracePt t="26077" x="1571625" y="4767263"/>
          <p14:tracePt t="26081" x="1579563" y="4775200"/>
          <p14:tracePt t="26090" x="1589088" y="4784725"/>
          <p14:tracePt t="26095" x="1597025" y="4792663"/>
          <p14:tracePt t="26103" x="1614488" y="4792663"/>
          <p14:tracePt t="26109" x="1614488" y="4802188"/>
          <p14:tracePt t="26116" x="1622425" y="4802188"/>
          <p14:tracePt t="26124" x="1639888" y="4810125"/>
          <p14:tracePt t="26130" x="1639888" y="4818063"/>
          <p14:tracePt t="26137" x="1647825" y="4818063"/>
          <p14:tracePt t="26144" x="1657350" y="4827588"/>
          <p14:tracePt t="26151" x="1665288" y="4835525"/>
          <p14:tracePt t="26158" x="1673225" y="4852988"/>
          <p14:tracePt t="26173" x="1682750" y="4852988"/>
          <p14:tracePt t="26179" x="1690688" y="4860925"/>
          <p14:tracePt t="26186" x="1690688" y="4868863"/>
          <p14:tracePt t="26193" x="1690688" y="4878388"/>
          <p14:tracePt t="26209" x="1698625" y="4878388"/>
          <p14:tracePt t="26213" x="1708150" y="4878388"/>
          <p14:tracePt t="26228" x="1708150" y="4886325"/>
          <p14:tracePt t="26242" x="1716088" y="4894263"/>
          <p14:tracePt t="26262" x="1724025" y="4894263"/>
          <p14:tracePt t="26276" x="1733550" y="4903788"/>
          <p14:tracePt t="26297" x="1741488" y="4903788"/>
          <p14:tracePt t="26304" x="1749425" y="4903788"/>
          <p14:tracePt t="26318" x="1758950" y="4903788"/>
          <p14:tracePt t="26325" x="1766888" y="4903788"/>
          <p14:tracePt t="26338" x="1776413" y="4903788"/>
          <p14:tracePt t="26352" x="1784350" y="4903788"/>
          <p14:tracePt t="26359" x="1792288" y="4903788"/>
          <p14:tracePt t="26375" x="1809750" y="4903788"/>
          <p14:tracePt t="26380" x="1817688" y="4903788"/>
          <p14:tracePt t="26393" x="1827213" y="4903788"/>
          <p14:tracePt t="26400" x="1843088" y="4903788"/>
          <p14:tracePt t="26414" x="1852613" y="4903788"/>
          <p14:tracePt t="26420" x="1860550" y="4903788"/>
          <p14:tracePt t="26427" x="1868488" y="4903788"/>
          <p14:tracePt t="26435" x="1878013" y="4903788"/>
          <p14:tracePt t="26442" x="1885950" y="4911725"/>
          <p14:tracePt t="26463" x="1893888" y="4911725"/>
          <p14:tracePt t="26471" x="1903413" y="4911725"/>
          <p14:tracePt t="26491" x="1911350" y="4911725"/>
          <p14:tracePt t="26505" x="1920875" y="4911725"/>
          <p14:tracePt t="26518" x="1928813" y="4911725"/>
          <p14:tracePt t="26657" x="1928813" y="4903788"/>
          <p14:tracePt t="26739" x="1928813" y="4894263"/>
          <p14:tracePt t="27321" x="1987550" y="4894263"/>
          <p14:tracePt t="27328" x="2055813" y="4894263"/>
          <p14:tracePt t="27334" x="2116138" y="4886325"/>
          <p14:tracePt t="27341" x="2174875" y="4886325"/>
          <p14:tracePt t="27348" x="2225675" y="4878388"/>
          <p14:tracePt t="27356" x="2276475" y="4878388"/>
          <p14:tracePt t="27362" x="2327275" y="4878388"/>
          <p14:tracePt t="27369" x="2370138" y="4878388"/>
          <p14:tracePt t="27375" x="2413000" y="4868863"/>
          <p14:tracePt t="27383" x="2438400" y="4868863"/>
          <p14:tracePt t="27390" x="2455863" y="4868863"/>
          <p14:tracePt t="27396" x="2481263" y="4868863"/>
          <p14:tracePt t="27403" x="2497138" y="4868863"/>
          <p14:tracePt t="27418" x="2514600" y="4868863"/>
          <p14:tracePt t="27431" x="2524125" y="4860925"/>
          <p14:tracePt t="27452" x="2532063" y="4860925"/>
          <p14:tracePt t="27459" x="2532063" y="4852988"/>
          <p14:tracePt t="27466" x="2540000" y="4852988"/>
          <p14:tracePt t="27474" x="2540000" y="4843463"/>
          <p14:tracePt t="27479" x="2549525" y="4843463"/>
          <p14:tracePt t="27522" x="2557463" y="4843463"/>
          <p14:tracePt t="27583" x="2557463" y="4835525"/>
          <p14:tracePt t="28386" x="2557463" y="4827588"/>
          <p14:tracePt t="28408" x="2565400" y="4818063"/>
          <p14:tracePt t="28414" x="2565400" y="4802188"/>
          <p14:tracePt t="28421" x="2574925" y="4775200"/>
          <p14:tracePt t="28428" x="2574925" y="4741863"/>
          <p14:tracePt t="28435" x="2582863" y="4708525"/>
          <p14:tracePt t="28442" x="2582863" y="4665663"/>
          <p14:tracePt t="28448" x="2582863" y="4630738"/>
          <p14:tracePt t="28456" x="2582863" y="4579938"/>
          <p14:tracePt t="28462" x="2582863" y="4521200"/>
          <p14:tracePt t="28469" x="2590800" y="4435475"/>
          <p14:tracePt t="28475" x="2590800" y="4325938"/>
          <p14:tracePt t="28483" x="2600325" y="4224338"/>
          <p14:tracePt t="28490" x="2600325" y="4121150"/>
          <p14:tracePt t="28496" x="2625725" y="4044950"/>
          <p14:tracePt t="28503" x="2625725" y="3994150"/>
          <p14:tracePt t="28510" x="2633663" y="3943350"/>
          <p14:tracePt t="28517" x="2641600" y="3925888"/>
          <p14:tracePt t="28524" x="2641600" y="3900488"/>
          <p14:tracePt t="28532" x="2641600" y="3883025"/>
          <p14:tracePt t="28539" x="2641600" y="3875088"/>
          <p14:tracePt t="28545" x="2641600" y="3867150"/>
          <p14:tracePt t="28551" x="2641600" y="3857625"/>
          <p14:tracePt t="28558" x="2651125" y="3849688"/>
          <p14:tracePt t="28587" x="2651125" y="3841750"/>
          <p14:tracePt t="28600" x="2659063" y="3832225"/>
          <p14:tracePt t="28669" x="2659063" y="3824288"/>
          <p14:tracePt t="28683" x="2659063" y="3816350"/>
          <p14:tracePt t="28690" x="2668588" y="3816350"/>
          <p14:tracePt t="28697" x="2668588" y="3806825"/>
          <p14:tracePt t="28725" x="2676525" y="3806825"/>
          <p14:tracePt t="28732" x="2676525" y="3798888"/>
          <p14:tracePt t="28739" x="2684463" y="3790950"/>
          <p14:tracePt t="28766" x="2684463" y="3781425"/>
          <p14:tracePt t="28773" x="2693988" y="3773488"/>
          <p14:tracePt t="28779" x="2701925" y="3763963"/>
          <p14:tracePt t="28786" x="2709863" y="3763963"/>
          <p14:tracePt t="28800" x="2719388" y="3756025"/>
          <p14:tracePt t="28807" x="2719388" y="3748088"/>
          <p14:tracePt t="28814" x="2727325" y="3748088"/>
          <p14:tracePt t="28828" x="2735263" y="3748088"/>
          <p14:tracePt t="28835" x="2744788" y="3738563"/>
          <p14:tracePt t="28849" x="2752725" y="3730625"/>
          <p14:tracePt t="28856" x="2752725" y="3722688"/>
          <p14:tracePt t="28862" x="2760663" y="3722688"/>
          <p14:tracePt t="28870" x="2770188" y="3722688"/>
          <p14:tracePt t="28877" x="2770188" y="3713163"/>
          <p14:tracePt t="28883" x="2778125" y="3705225"/>
          <p14:tracePt t="28905" x="2795588" y="3687763"/>
          <p14:tracePt t="28918" x="2803525" y="3687763"/>
          <p14:tracePt t="28925" x="2811463" y="3679825"/>
          <p14:tracePt t="28932" x="2811463" y="3671888"/>
          <p14:tracePt t="28940" x="2811463" y="3662363"/>
          <p14:tracePt t="28946" x="2828925" y="3662363"/>
          <p14:tracePt t="28953" x="2838450" y="3654425"/>
          <p14:tracePt t="28959" x="2838450" y="3646488"/>
          <p14:tracePt t="28967" x="2854325" y="3636963"/>
          <p14:tracePt t="28973" x="2863850" y="3636963"/>
          <p14:tracePt t="28987" x="2871788" y="3629025"/>
          <p14:tracePt t="28994" x="2889250" y="3619500"/>
          <p14:tracePt t="29001" x="2889250" y="3611563"/>
          <p14:tracePt t="29008" x="2897188" y="3611563"/>
          <p14:tracePt t="29015" x="2914650" y="3603625"/>
          <p14:tracePt t="29022" x="2914650" y="3594100"/>
          <p14:tracePt t="29029" x="2922588" y="3594100"/>
          <p14:tracePt t="29036" x="2930525" y="3586163"/>
          <p14:tracePt t="29042" x="2940050" y="3578225"/>
          <p14:tracePt t="29050" x="2940050" y="3568700"/>
          <p14:tracePt t="29057" x="2947988" y="3568700"/>
          <p14:tracePt t="29063" x="2955925" y="3560763"/>
          <p14:tracePt t="29070" x="2955925" y="3552825"/>
          <p14:tracePt t="29077" x="2965450" y="3552825"/>
          <p14:tracePt t="29084" x="2965450" y="3543300"/>
          <p14:tracePt t="29098" x="2973388" y="3535363"/>
          <p14:tracePt t="29106" x="2973388" y="3527425"/>
          <p14:tracePt t="29111" x="2982913" y="3527425"/>
          <p14:tracePt t="29126" x="2982913" y="3517900"/>
          <p14:tracePt t="29147" x="2982913" y="3509963"/>
          <p14:tracePt t="29160" x="2982913" y="3502025"/>
          <p14:tracePt t="29190" x="2990850" y="3492500"/>
          <p14:tracePt t="29210" x="2990850" y="3484563"/>
          <p14:tracePt t="29251" x="2990850" y="3475038"/>
          <p14:tracePt t="29273" x="2990850" y="3467100"/>
          <p14:tracePt t="29334" x="2990850" y="3459163"/>
          <p14:tracePt t="29596" x="2990850" y="3449638"/>
          <p14:tracePt t="29603" x="2998788" y="3449638"/>
          <p14:tracePt t="29617" x="2998788" y="3441700"/>
          <p14:tracePt t="29631" x="3008313" y="3433763"/>
          <p14:tracePt t="29640" x="3008313" y="3424238"/>
          <p14:tracePt t="29652" x="3008313" y="3416300"/>
          <p14:tracePt t="29659" x="3016250" y="3416300"/>
          <p14:tracePt t="29666" x="3016250" y="3408363"/>
          <p14:tracePt t="29674" x="3016250" y="3398838"/>
          <p14:tracePt t="29687" x="3024188" y="3390900"/>
          <p14:tracePt t="29693" x="3024188" y="3382963"/>
          <p14:tracePt t="29714" x="3024188" y="3373438"/>
          <p14:tracePt t="29724" x="3024188" y="3365500"/>
          <p14:tracePt t="29728" x="3024188" y="3355975"/>
          <p14:tracePt t="29742" x="3024188" y="3348038"/>
          <p14:tracePt t="29749" x="3033713" y="3340100"/>
          <p14:tracePt t="29770" x="3041650" y="3330575"/>
          <p14:tracePt t="29776" x="3041650" y="3322638"/>
          <p14:tracePt t="29784" x="3041650" y="3314700"/>
          <p14:tracePt t="29818" x="3041650" y="3305175"/>
          <p14:tracePt t="29832" x="3041650" y="3297238"/>
          <p14:tracePt t="29882" x="3041650" y="3289300"/>
          <p14:tracePt t="29901" x="3041650" y="3279775"/>
          <p14:tracePt t="29977" x="3041650" y="3271838"/>
          <p14:tracePt t="30011" x="3041650" y="3263900"/>
          <p14:tracePt t="30039" x="3041650" y="3254375"/>
          <p14:tracePt t="30135" x="3041650" y="3246438"/>
          <p14:tracePt t="30177" x="3041650" y="3238500"/>
          <p14:tracePt t="30233" x="3041650" y="3228975"/>
          <p14:tracePt t="30910" x="3041650" y="3238500"/>
          <p14:tracePt t="30924" x="3033713" y="3246438"/>
          <p14:tracePt t="30939" x="3024188" y="3246438"/>
          <p14:tracePt t="30945" x="3016250" y="3246438"/>
          <p14:tracePt t="30952" x="3016250" y="3254375"/>
          <p14:tracePt t="30959" x="3008313" y="3263900"/>
          <p14:tracePt t="30973" x="2998788" y="3271838"/>
          <p14:tracePt t="30980" x="2990850" y="3289300"/>
          <p14:tracePt t="30987" x="2982913" y="3289300"/>
          <p14:tracePt t="30993" x="2982913" y="3297238"/>
          <p14:tracePt t="31001" x="2982913" y="3305175"/>
          <p14:tracePt t="31007" x="2973388" y="3314700"/>
          <p14:tracePt t="31014" x="2965450" y="3322638"/>
          <p14:tracePt t="31021" x="2965450" y="3330575"/>
          <p14:tracePt t="31028" x="2965450" y="3340100"/>
          <p14:tracePt t="31034" x="2955925" y="3348038"/>
          <p14:tracePt t="31042" x="2955925" y="3355975"/>
          <p14:tracePt t="31049" x="2955925" y="3365500"/>
          <p14:tracePt t="31056" x="2947988" y="3373438"/>
          <p14:tracePt t="31063" x="2947988" y="3382963"/>
          <p14:tracePt t="31070" x="2940050" y="3390900"/>
          <p14:tracePt t="31077" x="2940050" y="3398838"/>
          <p14:tracePt t="31083" x="2940050" y="3408363"/>
          <p14:tracePt t="31090" x="2930525" y="3424238"/>
          <p14:tracePt t="31097" x="2930525" y="3441700"/>
          <p14:tracePt t="31111" x="2930525" y="3459163"/>
          <p14:tracePt t="31118" x="2922588" y="3475038"/>
          <p14:tracePt t="31125" x="2914650" y="3484563"/>
          <p14:tracePt t="31132" x="2905125" y="3502025"/>
          <p14:tracePt t="31139" x="2889250" y="3535363"/>
          <p14:tracePt t="31146" x="2871788" y="3560763"/>
          <p14:tracePt t="31152" x="2854325" y="3594100"/>
          <p14:tracePt t="31160" x="2828925" y="3646488"/>
          <p14:tracePt t="31167" x="2803525" y="3679825"/>
          <p14:tracePt t="31173" x="2786063" y="3713163"/>
          <p14:tracePt t="31181" x="2752725" y="3756025"/>
          <p14:tracePt t="31189" x="2735263" y="3773488"/>
          <p14:tracePt t="31194" x="2727325" y="3798888"/>
          <p14:tracePt t="31201" x="2719388" y="3816350"/>
          <p14:tracePt t="31208" x="2709863" y="3832225"/>
          <p14:tracePt t="31215" x="2709863" y="3841750"/>
          <p14:tracePt t="31222" x="2693988" y="3857625"/>
          <p14:tracePt t="31229" x="2684463" y="3875088"/>
          <p14:tracePt t="31236" x="2676525" y="3883025"/>
          <p14:tracePt t="31242" x="2668588" y="3900488"/>
          <p14:tracePt t="31249" x="2659063" y="3917950"/>
          <p14:tracePt t="31256" x="2651125" y="3925888"/>
          <p14:tracePt t="31263" x="2633663" y="3935413"/>
          <p14:tracePt t="31271" x="2633663" y="3943350"/>
          <p14:tracePt t="31277" x="2625725" y="3951288"/>
          <p14:tracePt t="31284" x="2616200" y="3951288"/>
          <p14:tracePt t="31291" x="2608263" y="3960813"/>
          <p14:tracePt t="31297" x="2600325" y="3968750"/>
          <p14:tracePt t="31306" x="2590800" y="3968750"/>
          <p14:tracePt t="31311" x="2590800" y="3976688"/>
          <p14:tracePt t="31318" x="2582863" y="3976688"/>
          <p14:tracePt t="31325" x="2574925" y="3976688"/>
          <p14:tracePt t="31333" x="2565400" y="3976688"/>
          <p14:tracePt t="31339" x="2565400" y="3986213"/>
          <p14:tracePt t="31353" x="2557463" y="3986213"/>
          <p14:tracePt t="31360" x="2549525" y="3986213"/>
          <p14:tracePt t="31381" x="2540000" y="3986213"/>
          <p14:tracePt t="31395" x="2532063" y="3994150"/>
          <p14:tracePt t="31409" x="2524125" y="3994150"/>
          <p14:tracePt t="31444" x="2514600" y="3994150"/>
          <p14:tracePt t="31457" x="2506663" y="3994150"/>
          <p14:tracePt t="31485" x="2497138" y="3994150"/>
          <p14:tracePt t="31492" x="2489200" y="3994150"/>
          <p14:tracePt t="31513" x="2481263" y="3994150"/>
          <p14:tracePt t="31526" x="2471738" y="3994150"/>
          <p14:tracePt t="31534" x="2463800" y="3994150"/>
          <p14:tracePt t="31547" x="2455863" y="3994150"/>
          <p14:tracePt t="31561" x="2446338" y="3994150"/>
          <p14:tracePt t="31574" x="2438400" y="3994150"/>
          <p14:tracePt t="31581" x="2430463" y="3994150"/>
          <p14:tracePt t="31589" x="2420938" y="4002088"/>
          <p14:tracePt t="31603" x="2413000" y="4002088"/>
          <p14:tracePt t="31609" x="2413000" y="4011613"/>
          <p14:tracePt t="31616" x="2405063" y="4011613"/>
          <p14:tracePt t="31630" x="2395538" y="4011613"/>
          <p14:tracePt t="31638" x="2387600" y="4019550"/>
          <p14:tracePt t="31643" x="2379663" y="4019550"/>
          <p14:tracePt t="31651" x="2379663" y="4027488"/>
          <p14:tracePt t="31657" x="2370138" y="4027488"/>
          <p14:tracePt t="31664" x="2362200" y="4027488"/>
          <p14:tracePt t="31672" x="2362200" y="4037013"/>
          <p14:tracePt t="31678" x="2344738" y="4037013"/>
          <p14:tracePt t="31685" x="2336800" y="4037013"/>
          <p14:tracePt t="31699" x="2311400" y="4044950"/>
          <p14:tracePt t="31706" x="2286000" y="4052888"/>
          <p14:tracePt t="31713" x="2268538" y="4062413"/>
          <p14:tracePt t="31721" x="2243138" y="4070350"/>
          <p14:tracePt t="31727" x="2217738" y="4070350"/>
          <p14:tracePt t="31734" x="2200275" y="4070350"/>
          <p14:tracePt t="31741" x="2174875" y="4070350"/>
          <p14:tracePt t="31748" x="2149475" y="4070350"/>
          <p14:tracePt t="31755" x="2132013" y="4070350"/>
          <p14:tracePt t="31761" x="2106613" y="4070350"/>
          <p14:tracePt t="31768" x="2081213" y="4062413"/>
          <p14:tracePt t="31774" x="2055813" y="4062413"/>
          <p14:tracePt t="31789" x="2030413" y="4052888"/>
          <p14:tracePt t="31796" x="2022475" y="4044950"/>
          <p14:tracePt t="31803" x="1997075" y="4037013"/>
          <p14:tracePt t="31810" x="1971675" y="4037013"/>
          <p14:tracePt t="31816" x="1954213" y="4027488"/>
          <p14:tracePt t="31824" x="1946275" y="4019550"/>
          <p14:tracePt t="31831" x="1928813" y="4002088"/>
          <p14:tracePt t="31838" x="1903413" y="3994150"/>
          <p14:tracePt t="31844" x="1885950" y="3976688"/>
          <p14:tracePt t="31851" x="1878013" y="3968750"/>
          <p14:tracePt t="31858" x="1860550" y="3960813"/>
          <p14:tracePt t="31864" x="1852613" y="3943350"/>
          <p14:tracePt t="31872" x="1835150" y="3925888"/>
          <p14:tracePt t="31888" x="1827213" y="3917950"/>
          <p14:tracePt t="31892" x="1817688" y="3908425"/>
          <p14:tracePt t="31899" x="1817688" y="3900488"/>
          <p14:tracePt t="31906" x="1809750" y="3900488"/>
          <p14:tracePt t="31913" x="1809750" y="3892550"/>
          <p14:tracePt t="31919" x="1809750" y="3883025"/>
          <p14:tracePt t="31943" x="1801813" y="3875088"/>
          <p14:tracePt t="31948" x="1801813" y="3867150"/>
          <p14:tracePt t="31956" x="1792288" y="3867150"/>
          <p14:tracePt t="31962" x="1792288" y="3857625"/>
          <p14:tracePt t="31975" x="1792288" y="3849688"/>
          <p14:tracePt t="31983" x="1792288" y="3841750"/>
          <p14:tracePt t="31989" x="1784350" y="3841750"/>
          <p14:tracePt t="31997" x="1776413" y="3832225"/>
          <p14:tracePt t="32004" x="1776413" y="3824288"/>
          <p14:tracePt t="32010" x="1766888" y="3816350"/>
          <p14:tracePt t="32017" x="1758950" y="3798888"/>
          <p14:tracePt t="32024" x="1749425" y="3781425"/>
          <p14:tracePt t="32031" x="1733550" y="3773488"/>
          <p14:tracePt t="32038" x="1724025" y="3763963"/>
          <p14:tracePt t="32045" x="1716088" y="3748088"/>
          <p14:tracePt t="32052" x="1708150" y="3730625"/>
          <p14:tracePt t="32058" x="1698625" y="3713163"/>
          <p14:tracePt t="32066" x="1690688" y="3705225"/>
          <p14:tracePt t="32072" x="1682750" y="3697288"/>
          <p14:tracePt t="32080" x="1673225" y="3679825"/>
          <p14:tracePt t="32087" x="1665288" y="3671888"/>
          <p14:tracePt t="32093" x="1657350" y="3654425"/>
          <p14:tracePt t="32100" x="1647825" y="3646488"/>
          <p14:tracePt t="32107" x="1639888" y="3636963"/>
          <p14:tracePt t="32114" x="1639888" y="3619500"/>
          <p14:tracePt t="32122" x="1631950" y="3603625"/>
          <p14:tracePt t="32127" x="1622425" y="3603625"/>
          <p14:tracePt t="32135" x="1622425" y="3594100"/>
          <p14:tracePt t="32142" x="1614488" y="3578225"/>
          <p14:tracePt t="32149" x="1606550" y="3578225"/>
          <p14:tracePt t="32156" x="1606550" y="3568700"/>
          <p14:tracePt t="32163" x="1597025" y="3552825"/>
          <p14:tracePt t="32170" x="1589088" y="3552825"/>
          <p14:tracePt t="32176" x="1589088" y="3543300"/>
          <p14:tracePt t="32184" x="1589088" y="3535363"/>
          <p14:tracePt t="32190" x="1589088" y="3527425"/>
          <p14:tracePt t="32205" x="1579563" y="3517900"/>
          <p14:tracePt t="32217" x="1571625" y="3509963"/>
          <p14:tracePt t="32231" x="1563688" y="3502025"/>
          <p14:tracePt t="32245" x="1563688" y="3492500"/>
          <p14:tracePt t="32371" x="1563688" y="3502025"/>
          <p14:tracePt t="32398" x="1563688" y="3509963"/>
          <p14:tracePt t="32419" x="1563688" y="3517900"/>
          <p14:tracePt t="38928" x="1724025" y="3517900"/>
          <p14:tracePt t="38936" x="1936750" y="3552825"/>
          <p14:tracePt t="38942" x="2116138" y="3552825"/>
          <p14:tracePt t="38949" x="2243138" y="3552825"/>
          <p14:tracePt t="38955" x="2344738" y="3560763"/>
          <p14:tracePt t="38963" x="2405063" y="3568700"/>
          <p14:tracePt t="38971" x="2463800" y="3568700"/>
          <p14:tracePt t="38976" x="2481263" y="3578225"/>
          <p14:tracePt t="38983" x="2514600" y="3578225"/>
          <p14:tracePt t="38990" x="2540000" y="3586163"/>
          <p14:tracePt t="38997" x="2549525" y="3586163"/>
          <p14:tracePt t="39004" x="2565400" y="3594100"/>
          <p14:tracePt t="39011" x="2574925" y="3603625"/>
          <p14:tracePt t="39018" x="2582863" y="3603625"/>
          <p14:tracePt t="39038" x="2590800" y="3603625"/>
          <p14:tracePt t="39053" x="2600325" y="3603625"/>
          <p14:tracePt t="39247" x="2608263" y="3611563"/>
          <p14:tracePt t="39254" x="2616200" y="3611563"/>
          <p14:tracePt t="39261" x="2641600" y="3629025"/>
          <p14:tracePt t="39268" x="2693988" y="3646488"/>
          <p14:tracePt t="39275" x="2744788" y="3679825"/>
          <p14:tracePt t="39282" x="2803525" y="3697288"/>
          <p14:tracePt t="39291" x="2879725" y="3722688"/>
          <p14:tracePt t="39295" x="2955925" y="3748088"/>
          <p14:tracePt t="39305" x="3024188" y="3773488"/>
          <p14:tracePt t="39309" x="3074988" y="3790950"/>
          <p14:tracePt t="39316" x="3135313" y="3798888"/>
          <p14:tracePt t="39323" x="3168650" y="3806825"/>
          <p14:tracePt t="39329" x="3203575" y="3816350"/>
          <p14:tracePt t="39336" x="3236913" y="3816350"/>
          <p14:tracePt t="39343" x="3262313" y="3824288"/>
          <p14:tracePt t="39350" x="3287713" y="3824288"/>
          <p14:tracePt t="39357" x="3313113" y="3824288"/>
          <p14:tracePt t="39364" x="3330575" y="3824288"/>
          <p14:tracePt t="39371" x="3355975" y="3824288"/>
          <p14:tracePt t="39378" x="3381375" y="3824288"/>
          <p14:tracePt t="39386" x="3414713" y="3824288"/>
          <p14:tracePt t="39392" x="3432175" y="3824288"/>
          <p14:tracePt t="39398" x="3457575" y="3824288"/>
          <p14:tracePt t="39405" x="3492500" y="3824288"/>
          <p14:tracePt t="39412" x="3517900" y="3824288"/>
          <p14:tracePt t="39419" x="3551238" y="3816350"/>
          <p14:tracePt t="39426" x="3576638" y="3816350"/>
          <p14:tracePt t="39433" x="3602038" y="3816350"/>
          <p14:tracePt t="39439" x="3627438" y="3816350"/>
          <p14:tracePt t="39447" x="3662363" y="3816350"/>
          <p14:tracePt t="39454" x="3695700" y="3816350"/>
          <p14:tracePt t="39461" x="3729038" y="3806825"/>
          <p14:tracePt t="39469" x="3746500" y="3806825"/>
          <p14:tracePt t="39474" x="3781425" y="3806825"/>
          <p14:tracePt t="39482" x="3814763" y="3806825"/>
          <p14:tracePt t="39490" x="3848100" y="3806825"/>
          <p14:tracePt t="39496" x="3890963" y="3806825"/>
          <p14:tracePt t="39505" x="3933825" y="3806825"/>
          <p14:tracePt t="39510" x="3967163" y="3816350"/>
          <p14:tracePt t="39517" x="4010025" y="3816350"/>
          <p14:tracePt t="39525" x="4052888" y="3816350"/>
          <p14:tracePt t="39531" x="4095750" y="3816350"/>
          <p14:tracePt t="39539" x="4137025" y="3816350"/>
          <p14:tracePt t="39545" x="4171950" y="3816350"/>
          <p14:tracePt t="39555" x="4214813" y="3816350"/>
          <p14:tracePt t="39558" x="4265613" y="3806825"/>
          <p14:tracePt t="39566" x="4291013" y="3806825"/>
          <p14:tracePt t="39573" x="4324350" y="3806825"/>
          <p14:tracePt t="39578" x="4349750" y="3806825"/>
          <p14:tracePt t="39587" x="4375150" y="3806825"/>
          <p14:tracePt t="39592" x="4392613" y="3806825"/>
          <p14:tracePt t="39598" x="4418013" y="3806825"/>
          <p14:tracePt t="39606" x="4443413" y="3806825"/>
          <p14:tracePt t="39613" x="4460875" y="3806825"/>
          <p14:tracePt t="39620" x="4476750" y="3806825"/>
          <p14:tracePt t="39626" x="4486275" y="3806825"/>
          <p14:tracePt t="39633" x="4503738" y="3806825"/>
          <p14:tracePt t="39640" x="4519613" y="3806825"/>
          <p14:tracePt t="39654" x="4529138" y="3806825"/>
          <p14:tracePt t="39661" x="4537075" y="3806825"/>
          <p14:tracePt t="39689" x="4545013" y="3798888"/>
          <p14:tracePt t="39703" x="4545013" y="3790950"/>
          <p14:tracePt t="40021" x="4570413" y="3790950"/>
          <p14:tracePt t="40028" x="4595813" y="3790950"/>
          <p14:tracePt t="40035" x="4630738" y="3781425"/>
          <p14:tracePt t="40041" x="4664075" y="3773488"/>
          <p14:tracePt t="40048" x="4724400" y="3763963"/>
          <p14:tracePt t="40055" x="4783138" y="3763963"/>
          <p14:tracePt t="40062" x="4843463" y="3763963"/>
          <p14:tracePt t="40069" x="4884738" y="3756025"/>
          <p14:tracePt t="40077" x="4935538" y="3748088"/>
          <p14:tracePt t="40083" x="4953000" y="3738563"/>
          <p14:tracePt t="40090" x="4978400" y="3730625"/>
          <p14:tracePt t="40097" x="4995863" y="3722688"/>
          <p14:tracePt t="40103" x="5003800" y="3722688"/>
          <p14:tracePt t="40111" x="5013325" y="3713163"/>
          <p14:tracePt t="40118" x="5029200" y="3713163"/>
          <p14:tracePt t="40145" x="5038725" y="3713163"/>
          <p14:tracePt t="40166" x="5046663" y="3705225"/>
          <p14:tracePt t="40193" x="5054600" y="3705225"/>
          <p14:tracePt t="40207" x="5064125" y="3705225"/>
          <p14:tracePt t="40228" x="5072063" y="3705225"/>
          <p14:tracePt t="40243" x="5072063" y="3697288"/>
          <p14:tracePt t="40263" x="5080000" y="3697288"/>
          <p14:tracePt t="40277" x="5089525" y="3697288"/>
          <p14:tracePt t="40318" x="5097463" y="3697288"/>
          <p14:tracePt t="40332" x="5097463" y="3687763"/>
          <p14:tracePt t="40346" x="5106988" y="3687763"/>
          <p14:tracePt t="40360" x="5114925" y="3687763"/>
          <p14:tracePt t="40394" x="5122863" y="3687763"/>
          <p14:tracePt t="40408" x="5132388" y="3687763"/>
          <p14:tracePt t="40436" x="5140325" y="3687763"/>
          <p14:tracePt t="40450" x="5148263" y="3687763"/>
          <p14:tracePt t="40464" x="5157788" y="3687763"/>
          <p14:tracePt t="40498" x="5165725" y="3687763"/>
          <p14:tracePt t="40512" x="5173663" y="3687763"/>
          <p14:tracePt t="42068" x="5165725" y="3687763"/>
          <p14:tracePt t="42083" x="5157788" y="3705225"/>
          <p14:tracePt t="42089" x="5148263" y="3713163"/>
          <p14:tracePt t="42096" x="5140325" y="3738563"/>
          <p14:tracePt t="42103" x="5132388" y="3763963"/>
          <p14:tracePt t="42110" x="5114925" y="3798888"/>
          <p14:tracePt t="42118" x="5106988" y="3824288"/>
          <p14:tracePt t="42123" x="5097463" y="3857625"/>
          <p14:tracePt t="42132" x="5089525" y="3875088"/>
          <p14:tracePt t="42142" x="5080000" y="3900488"/>
          <p14:tracePt t="42145" x="5072063" y="3925888"/>
          <p14:tracePt t="42154" x="5072063" y="3943350"/>
          <p14:tracePt t="42159" x="5064125" y="3968750"/>
          <p14:tracePt t="42166" x="5054600" y="3994150"/>
          <p14:tracePt t="42174" x="5046663" y="4011613"/>
          <p14:tracePt t="42180" x="5038725" y="4011613"/>
          <p14:tracePt t="42188" x="5038725" y="4019550"/>
          <p14:tracePt t="42194" x="5029200" y="4027488"/>
          <p14:tracePt t="42201" x="5029200" y="4037013"/>
          <p14:tracePt t="42221" x="5021263" y="4037013"/>
          <p14:tracePt t="42227" x="5021263" y="4044950"/>
          <p14:tracePt t="42241" x="5013325" y="4044950"/>
          <p14:tracePt t="42303" x="5003800" y="4044950"/>
          <p14:tracePt t="42499" x="5003800" y="4037013"/>
          <p14:tracePt t="42554" x="5003800" y="4027488"/>
          <p14:tracePt t="42574" x="5013325" y="4019550"/>
          <p14:tracePt t="42595" x="5021263" y="4011613"/>
          <p14:tracePt t="42609" x="5029200" y="3994150"/>
          <p14:tracePt t="42615" x="5046663" y="3986213"/>
          <p14:tracePt t="42622" x="5054600" y="3968750"/>
          <p14:tracePt t="42629" x="5072063" y="3951288"/>
          <p14:tracePt t="42636" x="5080000" y="3925888"/>
          <p14:tracePt t="42643" x="5080000" y="3917950"/>
          <p14:tracePt t="42649" x="5089525" y="3908425"/>
          <p14:tracePt t="42656" x="5097463" y="3892550"/>
          <p14:tracePt t="42663" x="5097463" y="3883025"/>
          <p14:tracePt t="42677" x="5106988" y="3875088"/>
          <p14:tracePt t="42685" x="5106988" y="3867150"/>
          <p14:tracePt t="42698" x="5106988" y="3857625"/>
          <p14:tracePt t="42705" x="5106988" y="3849688"/>
          <p14:tracePt t="42733" x="5106988" y="3841750"/>
          <p14:tracePt t="42782" x="5097463" y="3841750"/>
          <p14:tracePt t="42796" x="5089525" y="3841750"/>
          <p14:tracePt t="42823" x="5089525" y="3849688"/>
          <p14:tracePt t="42858" x="5089525" y="3857625"/>
          <p14:tracePt t="42920" x="5080000" y="3857625"/>
          <p14:tracePt t="42962" x="5080000" y="3867150"/>
          <p14:tracePt t="42996" x="5080000" y="3875088"/>
          <p14:tracePt t="43120" x="5072063" y="3875088"/>
          <p14:tracePt t="46886" x="5072063" y="3883025"/>
          <p14:tracePt t="47720" x="5072063" y="3892550"/>
          <p14:tracePt t="47741" x="5072063" y="3900488"/>
          <p14:tracePt t="48594" x="5072063" y="3892550"/>
          <p14:tracePt t="50308" x="5064125" y="3892550"/>
          <p14:tracePt t="50317" x="5054600" y="3900488"/>
          <p14:tracePt t="50322" x="5046663" y="3908425"/>
          <p14:tracePt t="50329" x="5046663" y="3917950"/>
          <p14:tracePt t="50336" x="5038725" y="3925888"/>
          <p14:tracePt t="50342" x="5029200" y="3935413"/>
          <p14:tracePt t="50350" x="5013325" y="3943350"/>
          <p14:tracePt t="50356" x="5013325" y="3960813"/>
          <p14:tracePt t="50363" x="4995863" y="3976688"/>
          <p14:tracePt t="50370" x="4987925" y="3986213"/>
          <p14:tracePt t="50377" x="4970463" y="3994150"/>
          <p14:tracePt t="50384" x="4962525" y="4011613"/>
          <p14:tracePt t="50391" x="4962525" y="4027488"/>
          <p14:tracePt t="50399" x="4945063" y="4037013"/>
          <p14:tracePt t="50404" x="4935538" y="4044950"/>
          <p14:tracePt t="50411" x="4927600" y="4062413"/>
          <p14:tracePt t="50425" x="4919663" y="4070350"/>
          <p14:tracePt t="50433" x="4910138" y="4070350"/>
          <p14:tracePt t="50445" x="4902200" y="4079875"/>
          <p14:tracePt t="50508" x="4902200" y="4070350"/>
          <p14:tracePt t="50536" x="4902200" y="4062413"/>
          <p14:tracePt t="50551" x="4910138" y="4052888"/>
          <p14:tracePt t="50571" x="4919663" y="4044950"/>
          <p14:tracePt t="50599" x="4919663" y="4037013"/>
          <p14:tracePt t="50613" x="4919663" y="4027488"/>
          <p14:tracePt t="50640" x="4910138" y="4027488"/>
          <p14:tracePt t="50647" x="4902200" y="4027488"/>
          <p14:tracePt t="50653" x="4894263" y="4027488"/>
          <p14:tracePt t="50661" x="4868863" y="4027488"/>
          <p14:tracePt t="50668" x="4843463" y="4027488"/>
          <p14:tracePt t="50674" x="4808538" y="4027488"/>
          <p14:tracePt t="50684" x="4765675" y="4019550"/>
          <p14:tracePt t="50688" x="4732338" y="4011613"/>
          <p14:tracePt t="50695" x="4699000" y="4002088"/>
          <p14:tracePt t="50702" x="4646613" y="3986213"/>
          <p14:tracePt t="50709" x="4621213" y="3968750"/>
          <p14:tracePt t="50716" x="4595813" y="3951288"/>
          <p14:tracePt t="50723" x="4570413" y="3935413"/>
          <p14:tracePt t="50732" x="4545013" y="3925888"/>
          <p14:tracePt t="50736" x="4529138" y="3925888"/>
          <p14:tracePt t="50743" x="4529138" y="3917950"/>
          <p14:tracePt t="50750" x="4511675" y="3917950"/>
          <p14:tracePt t="50757" x="4494213" y="3917950"/>
          <p14:tracePt t="50764" x="4486275" y="3917950"/>
          <p14:tracePt t="50770" x="4476750" y="3917950"/>
          <p14:tracePt t="50777" x="4468813" y="3917950"/>
          <p14:tracePt t="50784" x="4468813" y="3925888"/>
          <p14:tracePt t="50792" x="4451350" y="3935413"/>
          <p14:tracePt t="50799" x="4443413" y="3960813"/>
          <p14:tracePt t="50805" x="4443413" y="3968750"/>
          <p14:tracePt t="50813" x="4443413" y="3994150"/>
          <p14:tracePt t="50820" x="4443413" y="4011613"/>
          <p14:tracePt t="50827" x="4443413" y="4027488"/>
          <p14:tracePt t="50835" x="4443413" y="4052888"/>
          <p14:tracePt t="50841" x="4443413" y="4070350"/>
          <p14:tracePt t="50851" x="4443413" y="4087813"/>
          <p14:tracePt t="50855" x="4443413" y="4113213"/>
          <p14:tracePt t="50862" x="4435475" y="4146550"/>
          <p14:tracePt t="50869" x="4435475" y="4171950"/>
          <p14:tracePt t="50884" x="4418013" y="4265613"/>
          <p14:tracePt t="50889" x="4410075" y="4316413"/>
          <p14:tracePt t="50895" x="4375150" y="4394200"/>
          <p14:tracePt t="50902" x="4359275" y="4452938"/>
          <p14:tracePt t="50909" x="4332288" y="4513263"/>
          <p14:tracePt t="50916" x="4316413" y="4572000"/>
          <p14:tracePt t="50923" x="4298950" y="4605338"/>
          <p14:tracePt t="50931" x="4291013" y="4640263"/>
          <p14:tracePt t="50937" x="4281488" y="4665663"/>
          <p14:tracePt t="50943" x="4265613" y="4691063"/>
          <p14:tracePt t="50951" x="4265613" y="4699000"/>
          <p14:tracePt t="50957" x="4256088" y="4716463"/>
          <p14:tracePt t="50966" x="4248150" y="4724400"/>
          <p14:tracePt t="50971" x="4248150" y="4733925"/>
          <p14:tracePt t="50994" x="4240213" y="4741863"/>
          <p14:tracePt t="51007" x="4230688" y="4741863"/>
          <p14:tracePt t="51040" x="4230688" y="4733925"/>
          <p14:tracePt t="51048" x="4230688" y="4724400"/>
          <p14:tracePt t="51056" x="4230688" y="4708525"/>
          <p14:tracePt t="51062" x="4248150" y="4683125"/>
          <p14:tracePt t="51068" x="4265613" y="4665663"/>
          <p14:tracePt t="51076" x="4273550" y="4648200"/>
          <p14:tracePt t="51084" x="4291013" y="4622800"/>
          <p14:tracePt t="51089" x="4298950" y="4605338"/>
          <p14:tracePt t="51095" x="4306888" y="4579938"/>
          <p14:tracePt t="51103" x="4316413" y="4572000"/>
          <p14:tracePt t="51110" x="4324350" y="4546600"/>
          <p14:tracePt t="51117" x="4341813" y="4521200"/>
          <p14:tracePt t="51124" x="4349750" y="4503738"/>
          <p14:tracePt t="51131" x="4359275" y="4495800"/>
          <p14:tracePt t="51138" x="4367213" y="4478338"/>
          <p14:tracePt t="51145" x="4375150" y="4460875"/>
          <p14:tracePt t="51155" x="4392613" y="4435475"/>
          <p14:tracePt t="51159" x="4410075" y="4427538"/>
          <p14:tracePt t="51168" x="4418013" y="4402138"/>
          <p14:tracePt t="51172" x="4435475" y="4384675"/>
          <p14:tracePt t="51179" x="4443413" y="4359275"/>
          <p14:tracePt t="51186" x="4460875" y="4341813"/>
          <p14:tracePt t="51193" x="4460875" y="4325938"/>
          <p14:tracePt t="51200" x="4460875" y="4300538"/>
          <p14:tracePt t="51207" x="4468813" y="4275138"/>
          <p14:tracePt t="51214" x="4476750" y="4249738"/>
          <p14:tracePt t="51221" x="4476750" y="4224338"/>
          <p14:tracePt t="51227" x="4486275" y="4189413"/>
          <p14:tracePt t="51234" x="4486275" y="4164013"/>
          <p14:tracePt t="51242" x="4494213" y="4138613"/>
          <p14:tracePt t="51249" x="4503738" y="4113213"/>
          <p14:tracePt t="51254" x="4511675" y="4079875"/>
          <p14:tracePt t="51262" x="4519613" y="4044950"/>
          <p14:tracePt t="51269" x="4529138" y="4011613"/>
          <p14:tracePt t="51276" x="4562475" y="3968750"/>
          <p14:tracePt t="51283" x="4579938" y="3925888"/>
          <p14:tracePt t="51290" x="4621213" y="3867150"/>
          <p14:tracePt t="51297" x="4656138" y="3816350"/>
          <p14:tracePt t="51303" x="4689475" y="3748088"/>
          <p14:tracePt t="51311" x="4714875" y="3730625"/>
          <p14:tracePt t="51317" x="4757738" y="3687763"/>
          <p14:tracePt t="51324" x="4775200" y="3662363"/>
          <p14:tracePt t="51331" x="4800600" y="3646488"/>
          <p14:tracePt t="51338" x="4833938" y="3619500"/>
          <p14:tracePt t="51345" x="4859338" y="3603625"/>
          <p14:tracePt t="51352" x="4894263" y="3586163"/>
          <p14:tracePt t="51359" x="4919663" y="3568700"/>
          <p14:tracePt t="51367" x="4945063" y="3560763"/>
          <p14:tracePt t="51373" x="4978400" y="3552825"/>
          <p14:tracePt t="51381" x="4995863" y="3543300"/>
          <p14:tracePt t="51387" x="5021263" y="3543300"/>
          <p14:tracePt t="51394" x="5046663" y="3535363"/>
          <p14:tracePt t="51401" x="5064125" y="3527425"/>
          <p14:tracePt t="51408" x="5097463" y="3527425"/>
          <p14:tracePt t="51415" x="5114925" y="3517900"/>
          <p14:tracePt t="51421" x="5140325" y="3517900"/>
          <p14:tracePt t="51429" x="5148263" y="3517900"/>
          <p14:tracePt t="51436" x="5165725" y="3517900"/>
          <p14:tracePt t="51443" x="5183188" y="3509963"/>
          <p14:tracePt t="51451" x="5191125" y="3509963"/>
          <p14:tracePt t="51457" x="5208588" y="3502025"/>
          <p14:tracePt t="51466" x="5216525" y="3502025"/>
          <p14:tracePt t="51471" x="5241925" y="3492500"/>
          <p14:tracePt t="51478" x="5276850" y="3492500"/>
          <p14:tracePt t="51487" x="5327650" y="3484563"/>
          <p14:tracePt t="51491" x="5421313" y="3467100"/>
          <p14:tracePt t="51499" x="5522913" y="3449638"/>
          <p14:tracePt t="51504" x="5683250" y="3398838"/>
          <p14:tracePt t="51511" x="5913438" y="3355975"/>
          <p14:tracePt t="51518" x="6015038" y="3330575"/>
          <p14:tracePt t="51525" x="6100763" y="3314700"/>
          <p14:tracePt t="51533" x="6159500" y="3305175"/>
          <p14:tracePt t="51538" x="6184900" y="3297238"/>
          <p14:tracePt t="51546" x="6219825" y="3289300"/>
          <p14:tracePt t="51552" x="6235700" y="3289300"/>
          <p14:tracePt t="51560" x="6253163" y="3289300"/>
          <p14:tracePt t="51567" x="6261100" y="3289300"/>
          <p14:tracePt t="51573" x="6278563" y="3289300"/>
          <p14:tracePt t="51582" x="6286500" y="3289300"/>
          <p14:tracePt t="51587" x="6296025" y="3289300"/>
          <p14:tracePt t="51594" x="6321425" y="3289300"/>
          <p14:tracePt t="51601" x="6329363" y="3289300"/>
          <p14:tracePt t="51608" x="6346825" y="3289300"/>
          <p14:tracePt t="51615" x="6380163" y="3289300"/>
          <p14:tracePt t="51622" x="6415088" y="3289300"/>
          <p14:tracePt t="51629" x="6440488" y="3289300"/>
          <p14:tracePt t="51636" x="6483350" y="3279775"/>
          <p14:tracePt t="51643" x="6534150" y="3279775"/>
          <p14:tracePt t="51650" x="6575425" y="3271838"/>
          <p14:tracePt t="51657" x="6653213" y="3263900"/>
          <p14:tracePt t="51666" x="6719888" y="3246438"/>
          <p14:tracePt t="51670" x="6780213" y="3246438"/>
          <p14:tracePt t="51677" x="6823075" y="3246438"/>
          <p14:tracePt t="51684" x="6848475" y="3246438"/>
          <p14:tracePt t="51692" x="6881813" y="3246438"/>
          <p14:tracePt t="51700" x="6889750" y="3246438"/>
          <p14:tracePt t="51704" x="6915150" y="3246438"/>
          <p14:tracePt t="51712" x="6924675" y="3246438"/>
          <p14:tracePt t="51718" x="6932613" y="3246438"/>
          <p14:tracePt t="51726" x="6950075" y="3246438"/>
          <p14:tracePt t="51739" x="6958013" y="3254375"/>
          <p14:tracePt t="51746" x="6967538" y="3254375"/>
          <p14:tracePt t="51752" x="6975475" y="3254375"/>
          <p14:tracePt t="51767" x="6983413" y="3263900"/>
          <p14:tracePt t="51774" x="6992938" y="3263900"/>
          <p14:tracePt t="51788" x="7000875" y="3271838"/>
          <p14:tracePt t="51795" x="7008813" y="3271838"/>
          <p14:tracePt t="51801" x="7018338" y="3271838"/>
          <p14:tracePt t="51815" x="7026275" y="3271838"/>
          <p14:tracePt t="51830" x="7034213" y="3271838"/>
          <p14:tracePt t="51844" x="7043738" y="3271838"/>
          <p14:tracePt t="51851" x="7051675" y="3271838"/>
          <p14:tracePt t="51865" x="7059613" y="3271838"/>
          <p14:tracePt t="51946" x="7034213" y="3271838"/>
          <p14:tracePt t="51953" x="7008813" y="3263900"/>
          <p14:tracePt t="51960" x="6942138" y="3246438"/>
          <p14:tracePt t="51967" x="6873875" y="3228975"/>
          <p14:tracePt t="51974" x="6788150" y="3228975"/>
          <p14:tracePt t="51981" x="6704013" y="3221038"/>
          <p14:tracePt t="51988" x="6584950" y="3221038"/>
          <p14:tracePt t="51995" x="6456363" y="3211513"/>
          <p14:tracePt t="52002" x="6329363" y="3211513"/>
          <p14:tracePt t="52009" x="6219825" y="3211513"/>
          <p14:tracePt t="52016" x="6151563" y="3211513"/>
          <p14:tracePt t="52023" x="6075363" y="3211513"/>
          <p14:tracePt t="52031" x="6032500" y="3211513"/>
          <p14:tracePt t="52037" x="5972175" y="3211513"/>
          <p14:tracePt t="52044" x="5913438" y="3211513"/>
          <p14:tracePt t="52051" x="5853113" y="3221038"/>
          <p14:tracePt t="52057" x="5811838" y="3221038"/>
          <p14:tracePt t="52064" x="5768975" y="3228975"/>
          <p14:tracePt t="52071" x="5718175" y="3254375"/>
          <p14:tracePt t="52078" x="5675313" y="3263900"/>
          <p14:tracePt t="52085" x="5641975" y="3271838"/>
          <p14:tracePt t="52092" x="5591175" y="3289300"/>
          <p14:tracePt t="52099" x="5538788" y="3305175"/>
          <p14:tracePt t="52106" x="5522913" y="3322638"/>
          <p14:tracePt t="52114" x="5497513" y="3330575"/>
          <p14:tracePt t="52120" x="5480050" y="3340100"/>
          <p14:tracePt t="52134" x="5462588" y="3340100"/>
          <p14:tracePt t="52141" x="5454650" y="3348038"/>
          <p14:tracePt t="52148" x="5454650" y="3355975"/>
          <p14:tracePt t="52155" x="5437188" y="3365500"/>
          <p14:tracePt t="52162" x="5429250" y="3365500"/>
          <p14:tracePt t="52169" x="5421313" y="3365500"/>
          <p14:tracePt t="52176" x="5411788" y="3365500"/>
          <p14:tracePt t="52183" x="5394325" y="3373438"/>
          <p14:tracePt t="52189" x="5386388" y="3373438"/>
          <p14:tracePt t="52196" x="5368925" y="3382963"/>
          <p14:tracePt t="52203" x="5343525" y="3382963"/>
          <p14:tracePt t="52210" x="5327650" y="3390900"/>
          <p14:tracePt t="52216" x="5292725" y="3390900"/>
          <p14:tracePt t="52224" x="5267325" y="3398838"/>
          <p14:tracePt t="52232" x="5249863" y="3398838"/>
          <p14:tracePt t="52238" x="5216525" y="3398838"/>
          <p14:tracePt t="52245" x="5191125" y="3398838"/>
          <p14:tracePt t="52251" x="5157788" y="3398838"/>
          <p14:tracePt t="52258" x="5140325" y="3398838"/>
          <p14:tracePt t="52265" x="5106988" y="3408363"/>
          <p14:tracePt t="52272" x="5089525" y="3408363"/>
          <p14:tracePt t="52279" x="5064125" y="3408363"/>
          <p14:tracePt t="52286" x="5038725" y="3408363"/>
          <p14:tracePt t="52292" x="5013325" y="3416300"/>
          <p14:tracePt t="52299" x="4995863" y="3416300"/>
          <p14:tracePt t="52306" x="4970463" y="3424238"/>
          <p14:tracePt t="52314" x="4945063" y="3424238"/>
          <p14:tracePt t="52320" x="4919663" y="3424238"/>
          <p14:tracePt t="52327" x="4902200" y="3433763"/>
          <p14:tracePt t="52333" x="4884738" y="3433763"/>
          <p14:tracePt t="52341" x="4859338" y="3441700"/>
          <p14:tracePt t="52348" x="4851400" y="3441700"/>
          <p14:tracePt t="52355" x="4826000" y="3441700"/>
          <p14:tracePt t="52362" x="4800600" y="3441700"/>
          <p14:tracePt t="52369" x="4783138" y="3441700"/>
          <p14:tracePt t="52376" x="4757738" y="3449638"/>
          <p14:tracePt t="52383" x="4732338" y="3449638"/>
          <p14:tracePt t="52390" x="4724400" y="3459163"/>
          <p14:tracePt t="52397" x="4699000" y="3467100"/>
          <p14:tracePt t="52403" x="4681538" y="3475038"/>
          <p14:tracePt t="52410" x="4664075" y="3475038"/>
          <p14:tracePt t="52417" x="4656138" y="3484563"/>
          <p14:tracePt t="52424" x="4638675" y="3492500"/>
          <p14:tracePt t="52438" x="4630738" y="3492500"/>
          <p14:tracePt t="52452" x="4621213" y="3502025"/>
          <p14:tracePt t="52459" x="4613275" y="3502025"/>
          <p14:tracePt t="52465" x="4605338" y="3509963"/>
          <p14:tracePt t="52473" x="4605338" y="3517900"/>
          <p14:tracePt t="52486" x="4605338" y="3527425"/>
          <p14:tracePt t="52493" x="4605338" y="3535363"/>
          <p14:tracePt t="52500" x="4595813" y="3535363"/>
          <p14:tracePt t="52515" x="4587875" y="3543300"/>
          <p14:tracePt t="52521" x="4587875" y="3552825"/>
          <p14:tracePt t="52528" x="4587875" y="3560763"/>
          <p14:tracePt t="52542" x="4579938" y="3568700"/>
          <p14:tracePt t="52550" x="4570413" y="3578225"/>
          <p14:tracePt t="52566" x="4562475" y="3586163"/>
          <p14:tracePt t="52570" x="4554538" y="3594100"/>
          <p14:tracePt t="52577" x="4545013" y="3594100"/>
          <p14:tracePt t="52585" x="4545013" y="3603625"/>
          <p14:tracePt t="52590" x="4545013" y="3611563"/>
          <p14:tracePt t="52600" x="4537075" y="3619500"/>
          <p14:tracePt t="52612" x="4529138" y="3619500"/>
          <p14:tracePt t="52618" x="4529138" y="3629025"/>
          <p14:tracePt t="52626" x="4529138" y="3636963"/>
          <p14:tracePt t="52639" x="4529138" y="3646488"/>
          <p14:tracePt t="52646" x="4519613" y="3646488"/>
          <p14:tracePt t="52660" x="4511675" y="3654425"/>
          <p14:tracePt t="52674" x="4511675" y="3662363"/>
          <p14:tracePt t="52709" x="4511675" y="3671888"/>
          <p14:tracePt t="52722" x="4511675" y="3679825"/>
          <p14:tracePt t="52798" x="4503738" y="3679825"/>
          <p14:tracePt t="52916" x="4494213" y="3679825"/>
          <p14:tracePt t="52985" x="4486275" y="3679825"/>
          <p14:tracePt t="53053" x="4486275" y="3687763"/>
          <p14:tracePt t="53067" x="4476750" y="3687763"/>
          <p14:tracePt t="53084" x="4468813" y="3697288"/>
          <p14:tracePt t="53096" x="4468813" y="3705225"/>
          <p14:tracePt t="53124" x="4460875" y="3705225"/>
          <p14:tracePt t="53179" x="4451350" y="3705225"/>
          <p14:tracePt t="53193" x="4443413" y="3705225"/>
          <p14:tracePt t="53199" x="4443413" y="3713163"/>
          <p14:tracePt t="53214" x="4443413" y="3722688"/>
          <p14:tracePt t="53261" x="4435475" y="3722688"/>
          <p14:tracePt t="53275" x="4435475" y="3730625"/>
          <p14:tracePt t="53296" x="4435475" y="3738563"/>
          <p14:tracePt t="53323" x="4425950" y="3738563"/>
          <p14:tracePt t="53331" x="4425950" y="3748088"/>
          <p14:tracePt t="53345" x="4418013" y="3748088"/>
          <p14:tracePt t="53491" x="4410075" y="3748088"/>
          <p14:tracePt t="53504" x="4410075" y="3756025"/>
          <p14:tracePt t="53525" x="4410075" y="3763963"/>
          <p14:tracePt t="53538" x="4400550" y="3763963"/>
          <p14:tracePt t="53566" x="4400550" y="3773488"/>
          <p14:tracePt t="53582" x="4400550" y="3781425"/>
          <p14:tracePt t="53587" x="4392613" y="3781425"/>
          <p14:tracePt t="53594" x="4392613" y="3790950"/>
          <p14:tracePt t="53615" x="4392613" y="3798888"/>
          <p14:tracePt t="53622" x="4392613" y="3806825"/>
          <p14:tracePt t="53635" x="4392613" y="3816350"/>
          <p14:tracePt t="53642" x="4392613" y="3832225"/>
          <p14:tracePt t="53656" x="4392613" y="3857625"/>
          <p14:tracePt t="53662" x="4392613" y="3883025"/>
          <p14:tracePt t="53670" x="4392613" y="3908425"/>
          <p14:tracePt t="53677" x="4392613" y="3951288"/>
          <p14:tracePt t="53683" x="4392613" y="3986213"/>
          <p14:tracePt t="53691" x="4392613" y="4027488"/>
          <p14:tracePt t="53698" x="4400550" y="4062413"/>
          <p14:tracePt t="53704" x="4400550" y="4095750"/>
          <p14:tracePt t="53711" x="4410075" y="4138613"/>
          <p14:tracePt t="53718" x="4418013" y="4171950"/>
          <p14:tracePt t="53725" x="4425950" y="4197350"/>
          <p14:tracePt t="53733" x="4425950" y="4232275"/>
          <p14:tracePt t="53738" x="4435475" y="4265613"/>
          <p14:tracePt t="53745" x="4443413" y="4300538"/>
          <p14:tracePt t="53752" x="4443413" y="4333875"/>
          <p14:tracePt t="53759" x="4443413" y="4359275"/>
          <p14:tracePt t="53766" x="4443413" y="4394200"/>
          <p14:tracePt t="53773" x="4443413" y="4427538"/>
          <p14:tracePt t="53780" x="4443413" y="4445000"/>
          <p14:tracePt t="53788" x="4443413" y="4478338"/>
          <p14:tracePt t="53795" x="4443413" y="4513263"/>
          <p14:tracePt t="53802" x="4443413" y="4546600"/>
          <p14:tracePt t="53809" x="4443413" y="4572000"/>
          <p14:tracePt t="53818" x="4443413" y="4597400"/>
          <p14:tracePt t="53823" x="4443413" y="4622800"/>
          <p14:tracePt t="53833" x="4443413" y="4648200"/>
          <p14:tracePt t="53836" x="4443413" y="4673600"/>
          <p14:tracePt t="53843" x="4443413" y="4699000"/>
          <p14:tracePt t="53850" x="4443413" y="4716463"/>
          <p14:tracePt t="53857" x="4443413" y="4741863"/>
          <p14:tracePt t="53865" x="4443413" y="4767263"/>
          <p14:tracePt t="53870" x="4443413" y="4775200"/>
          <p14:tracePt t="53877" x="4443413" y="4792663"/>
          <p14:tracePt t="53884" x="4451350" y="4818063"/>
          <p14:tracePt t="53900" x="4451350" y="4827588"/>
          <p14:tracePt t="53904" x="4451350" y="4843463"/>
          <p14:tracePt t="53918" x="4460875" y="4852988"/>
          <p14:tracePt t="53925" x="4460875" y="4860925"/>
          <p14:tracePt t="53932" x="4468813" y="4868863"/>
          <p14:tracePt t="53939" x="4468813" y="4878388"/>
          <p14:tracePt t="53946" x="4468813" y="4894263"/>
          <p14:tracePt t="53952" x="4476750" y="4903788"/>
          <p14:tracePt t="53959" x="4476750" y="4911725"/>
          <p14:tracePt t="53966" x="4476750" y="4929188"/>
          <p14:tracePt t="53980" x="4476750" y="4946650"/>
          <p14:tracePt t="53987" x="4486275" y="4954588"/>
          <p14:tracePt t="53995" x="4486275" y="4962525"/>
          <p14:tracePt t="54001" x="4494213" y="4979988"/>
          <p14:tracePt t="54009" x="4494213" y="4987925"/>
          <p14:tracePt t="54015" x="4503738" y="4987925"/>
          <p14:tracePt t="54024" x="4511675" y="5005388"/>
          <p14:tracePt t="54029" x="4511675" y="5013325"/>
          <p14:tracePt t="54036" x="4511675" y="5022850"/>
          <p14:tracePt t="54043" x="4519613" y="5038725"/>
          <p14:tracePt t="54050" x="4529138" y="5038725"/>
          <p14:tracePt t="54056" x="4529138" y="5056188"/>
          <p14:tracePt t="54063" x="4537075" y="5073650"/>
          <p14:tracePt t="54070" x="4545013" y="5081588"/>
          <p14:tracePt t="54077" x="4545013" y="5099050"/>
          <p14:tracePt t="54084" x="4545013" y="5106988"/>
          <p14:tracePt t="54092" x="4554538" y="5116513"/>
          <p14:tracePt t="54105" x="4554538" y="5124450"/>
          <p14:tracePt t="54119" x="4554538" y="5132388"/>
          <p14:tracePt t="54134" x="4562475" y="5124450"/>
          <p14:tracePt t="54763" x="4562475" y="5132388"/>
          <p14:tracePt t="54769" x="4570413" y="5132388"/>
          <p14:tracePt t="54776" x="4570413" y="5141913"/>
          <p14:tracePt t="54783" x="4570413" y="5149850"/>
          <p14:tracePt t="54790" x="4587875" y="5149850"/>
          <p14:tracePt t="54797" x="4595813" y="5157788"/>
          <p14:tracePt t="54804" x="4595813" y="5167313"/>
          <p14:tracePt t="54811" x="4605338" y="5175250"/>
          <p14:tracePt t="54818" x="4621213" y="5183188"/>
          <p14:tracePt t="54825" x="4638675" y="5192713"/>
          <p14:tracePt t="54832" x="4656138" y="5208588"/>
          <p14:tracePt t="54839" x="4681538" y="5226050"/>
          <p14:tracePt t="54846" x="4714875" y="5251450"/>
          <p14:tracePt t="54852" x="4749800" y="5268913"/>
          <p14:tracePt t="54859" x="4775200" y="5286375"/>
          <p14:tracePt t="54866" x="4791075" y="5302250"/>
          <p14:tracePt t="54873" x="4808538" y="5319713"/>
          <p14:tracePt t="54881" x="4826000" y="5327650"/>
          <p14:tracePt t="54887" x="4851400" y="5345113"/>
          <p14:tracePt t="54893" x="4876800" y="5362575"/>
          <p14:tracePt t="54900" x="4894263" y="5380038"/>
          <p14:tracePt t="54907" x="4910138" y="5387975"/>
          <p14:tracePt t="54915" x="4927600" y="5405438"/>
          <p14:tracePt t="54922" x="4953000" y="5413375"/>
          <p14:tracePt t="54928" x="4970463" y="5413375"/>
          <p14:tracePt t="54935" x="4987925" y="5430838"/>
          <p14:tracePt t="54943" x="5021263" y="5438775"/>
          <p14:tracePt t="54949" x="5054600" y="5456238"/>
          <p14:tracePt t="54957" x="5106988" y="5481638"/>
          <p14:tracePt t="54964" x="5140325" y="5489575"/>
          <p14:tracePt t="54971" x="5173663" y="5507038"/>
          <p14:tracePt t="54978" x="5208588" y="5514975"/>
          <p14:tracePt t="54988" x="5241925" y="5514975"/>
          <p14:tracePt t="54992" x="5259388" y="5524500"/>
          <p14:tracePt t="55000" x="5284788" y="5532438"/>
          <p14:tracePt t="55005" x="5302250" y="5532438"/>
          <p14:tracePt t="55013" x="5310188" y="5540375"/>
          <p14:tracePt t="55018" x="5318125" y="5540375"/>
          <p14:tracePt t="55025" x="5335588" y="5549900"/>
          <p14:tracePt t="55032" x="5343525" y="5549900"/>
          <p14:tracePt t="55039" x="5353050" y="5557838"/>
          <p14:tracePt t="55047" x="5368925" y="5557838"/>
          <p14:tracePt t="55052" x="5386388" y="5557838"/>
          <p14:tracePt t="55059" x="5403850" y="5565775"/>
          <p14:tracePt t="55066" x="5421313" y="5565775"/>
          <p14:tracePt t="55073" x="5437188" y="5565775"/>
          <p14:tracePt t="55080" x="5454650" y="5565775"/>
          <p14:tracePt t="55087" x="5472113" y="5565775"/>
          <p14:tracePt t="55094" x="5480050" y="5565775"/>
          <p14:tracePt t="55101" x="5505450" y="5565775"/>
          <p14:tracePt t="55108" x="5522913" y="5575300"/>
          <p14:tracePt t="55115" x="5530850" y="5575300"/>
          <p14:tracePt t="55123" x="5548313" y="5583238"/>
          <p14:tracePt t="55130" x="5556250" y="5583238"/>
          <p14:tracePt t="55136" x="5573713" y="5583238"/>
          <p14:tracePt t="55143" x="5581650" y="5583238"/>
          <p14:tracePt t="55150" x="5581650" y="5591175"/>
          <p14:tracePt t="55156" x="5591175" y="5591175"/>
          <p14:tracePt t="55165" x="5599113" y="5591175"/>
          <p14:tracePt t="55171" x="5607050" y="5591175"/>
          <p14:tracePt t="55184" x="5616575" y="5600700"/>
          <p14:tracePt t="55191" x="5624513" y="5600700"/>
          <p14:tracePt t="55205" x="5632450" y="5600700"/>
          <p14:tracePt t="55213" x="5641975" y="5600700"/>
          <p14:tracePt t="55226" x="5649913" y="5600700"/>
          <p14:tracePt t="55240" x="5657850" y="5600700"/>
          <p14:tracePt t="55247" x="5667375" y="5600700"/>
          <p14:tracePt t="55261" x="5675313" y="5600700"/>
          <p14:tracePt t="55267" x="5683250" y="5600700"/>
          <p14:tracePt t="55274" x="5692775" y="5600700"/>
          <p14:tracePt t="55289" x="5700713" y="5600700"/>
          <p14:tracePt t="55295" x="5708650" y="5600700"/>
          <p14:tracePt t="55302" x="5718175" y="5600700"/>
          <p14:tracePt t="55309" x="5726113" y="5600700"/>
          <p14:tracePt t="55316" x="5735638" y="5600700"/>
          <p14:tracePt t="55323" x="5743575" y="5600700"/>
          <p14:tracePt t="55330" x="5751513" y="5600700"/>
          <p14:tracePt t="55336" x="5761038" y="5600700"/>
          <p14:tracePt t="55343" x="5768975" y="5600700"/>
          <p14:tracePt t="55350" x="5776913" y="5600700"/>
          <p14:tracePt t="55357" x="5786438" y="5600700"/>
          <p14:tracePt t="55364" x="5794375" y="5600700"/>
          <p14:tracePt t="55371" x="5802313" y="5600700"/>
          <p14:tracePt t="55379" x="5811838" y="5600700"/>
          <p14:tracePt t="55385" x="5827713" y="5600700"/>
          <p14:tracePt t="55399" x="5845175" y="5600700"/>
          <p14:tracePt t="55406" x="5862638" y="5600700"/>
          <p14:tracePt t="55420" x="5880100" y="5600700"/>
          <p14:tracePt t="55427" x="5888038" y="5600700"/>
          <p14:tracePt t="55433" x="5895975" y="5600700"/>
          <p14:tracePt t="55441" x="5913438" y="5600700"/>
          <p14:tracePt t="55447" x="5921375" y="5600700"/>
          <p14:tracePt t="55454" x="5938838" y="5600700"/>
          <p14:tracePt t="55462" x="5964238" y="5600700"/>
          <p14:tracePt t="55469" x="5981700" y="5600700"/>
          <p14:tracePt t="55475" x="5997575" y="5600700"/>
          <p14:tracePt t="55483" x="6015038" y="5600700"/>
          <p14:tracePt t="55489" x="6032500" y="5600700"/>
          <p14:tracePt t="55499" x="6049963" y="5600700"/>
          <p14:tracePt t="55503" x="6065838" y="5600700"/>
          <p14:tracePt t="55510" x="6083300" y="5600700"/>
          <p14:tracePt t="55517" x="6100763" y="5600700"/>
          <p14:tracePt t="55524" x="6116638" y="5600700"/>
          <p14:tracePt t="55533" x="6126163" y="5600700"/>
          <p14:tracePt t="55537" x="6134100" y="5600700"/>
          <p14:tracePt t="55551" x="6151563" y="5600700"/>
          <p14:tracePt t="55558" x="6159500" y="5600700"/>
          <p14:tracePt t="55572" x="6176963" y="5600700"/>
          <p14:tracePt t="55585" x="6184900" y="5600700"/>
          <p14:tracePt t="55592" x="6194425" y="5600700"/>
          <p14:tracePt t="55599" x="6202363" y="5600700"/>
          <p14:tracePt t="55606" x="6210300" y="5600700"/>
          <p14:tracePt t="55613" x="6219825" y="5600700"/>
          <p14:tracePt t="55620" x="6227763" y="5600700"/>
          <p14:tracePt t="55633" x="6235700" y="5600700"/>
          <p14:tracePt t="55641" x="6245225" y="5600700"/>
          <p14:tracePt t="55648" x="6253163" y="5600700"/>
          <p14:tracePt t="55663" x="6261100" y="5600700"/>
          <p14:tracePt t="55669" x="6270625" y="5600700"/>
          <p14:tracePt t="55683" x="6286500" y="5600700"/>
          <p14:tracePt t="55690" x="6296025" y="5600700"/>
          <p14:tracePt t="55703" x="6311900" y="5600700"/>
          <p14:tracePt t="55717" x="6321425" y="5600700"/>
          <p14:tracePt t="55724" x="6329363" y="5600700"/>
          <p14:tracePt t="55732" x="6338888" y="5600700"/>
          <p14:tracePt t="55737" x="6346825" y="5600700"/>
          <p14:tracePt t="55744" x="6354763" y="5600700"/>
          <p14:tracePt t="55752" x="6364288" y="5600700"/>
          <p14:tracePt t="55758" x="6372225" y="5600700"/>
          <p14:tracePt t="55765" x="6380163" y="5600700"/>
          <p14:tracePt t="55779" x="6397625" y="5600700"/>
          <p14:tracePt t="55786" x="6405563" y="5600700"/>
          <p14:tracePt t="55793" x="6415088" y="5600700"/>
          <p14:tracePt t="55799" x="6430963" y="5600700"/>
          <p14:tracePt t="55807" x="6440488" y="5600700"/>
          <p14:tracePt t="55821" x="6456363" y="5600700"/>
          <p14:tracePt t="55834" x="6473825" y="5600700"/>
          <p14:tracePt t="55842" x="6508750" y="5600700"/>
          <p14:tracePt t="55849" x="6542088" y="5583238"/>
          <p14:tracePt t="55854" x="6516688" y="5591175"/>
          <p14:tracePt t="56203" x="6534150" y="5591175"/>
          <p14:tracePt t="56210" x="6584950" y="5565775"/>
          <p14:tracePt t="56217" x="6686550" y="5540375"/>
          <p14:tracePt t="56224" x="6805613" y="5507038"/>
          <p14:tracePt t="56234" x="6975475" y="5456238"/>
          <p14:tracePt t="56236" x="7102475" y="5413375"/>
          <p14:tracePt t="56243" x="7204075" y="5387975"/>
          <p14:tracePt t="56250" x="7264400" y="5370513"/>
          <p14:tracePt t="56257" x="7340600" y="5345113"/>
          <p14:tracePt t="56264" x="7416800" y="5311775"/>
          <p14:tracePt t="56270" x="7477125" y="5286375"/>
          <p14:tracePt t="56277" x="7545388" y="5251450"/>
          <p14:tracePt t="56285" x="7586663" y="5218113"/>
          <p14:tracePt t="56291" x="7637463" y="5192713"/>
          <p14:tracePt t="56298" x="7680325" y="5149850"/>
          <p14:tracePt t="56305" x="7723188" y="5099050"/>
          <p14:tracePt t="56313" x="7748588" y="5048250"/>
          <p14:tracePt t="56318" x="7781925" y="5005388"/>
          <p14:tracePt t="56325" x="7807325" y="4954588"/>
          <p14:tracePt t="56333" x="7816850" y="4878388"/>
          <p14:tracePt t="56340" x="7824788" y="4818063"/>
          <p14:tracePt t="56347" x="7850188" y="4741863"/>
          <p14:tracePt t="56355" x="7859713" y="4657725"/>
          <p14:tracePt t="56366" x="7867650" y="4572000"/>
          <p14:tracePt t="56370" x="7867650" y="4460875"/>
          <p14:tracePt t="56374" x="7885113" y="4384675"/>
          <p14:tracePt t="56382" x="7893050" y="4325938"/>
          <p14:tracePt t="56389" x="7900988" y="4291013"/>
          <p14:tracePt t="56396" x="7918450" y="4249738"/>
          <p14:tracePt t="56402" x="7926388" y="4197350"/>
          <p14:tracePt t="56409" x="7943850" y="4164013"/>
          <p14:tracePt t="56416" x="7951788" y="4138613"/>
          <p14:tracePt t="56423" x="7961313" y="4105275"/>
          <p14:tracePt t="56430" x="7977188" y="4070350"/>
          <p14:tracePt t="56437" x="7977188" y="4052888"/>
          <p14:tracePt t="56443" x="7986713" y="4027488"/>
          <p14:tracePt t="56451" x="7994650" y="4011613"/>
          <p14:tracePt t="56458" x="8004175" y="3994150"/>
          <p14:tracePt t="56465" x="8012113" y="3976688"/>
          <p14:tracePt t="56472" x="8020050" y="3960813"/>
          <p14:tracePt t="56480" x="8020050" y="3943350"/>
          <p14:tracePt t="56485" x="8029575" y="3935413"/>
          <p14:tracePt t="56493" x="8029575" y="3925888"/>
          <p14:tracePt t="56499" x="8037513" y="3917950"/>
          <p14:tracePt t="56506" x="8045450" y="3908425"/>
          <p14:tracePt t="56520" x="8045450" y="3900488"/>
          <p14:tracePt t="56527" x="8045450" y="3892550"/>
          <p14:tracePt t="56534" x="8054975" y="3892550"/>
          <p14:tracePt t="56541" x="8062913" y="3892550"/>
          <p14:tracePt t="56549" x="8070850" y="3892550"/>
          <p14:tracePt t="56555" x="8070850" y="3883025"/>
          <p14:tracePt t="56576" x="8070850" y="3875088"/>
          <p14:tracePt t="56583" x="8080375" y="3875088"/>
          <p14:tracePt t="56596" x="8088313" y="3875088"/>
          <p14:tracePt t="56673" x="8088313" y="3867150"/>
          <p14:tracePt t="56694" x="8088313" y="3857625"/>
          <p14:tracePt t="56707" x="8088313" y="3849688"/>
          <p14:tracePt t="56714" x="8096250" y="3849688"/>
          <p14:tracePt t="56728" x="8105775" y="3849688"/>
          <p14:tracePt t="56735" x="8105775" y="3841750"/>
          <p14:tracePt t="56755" x="8105775" y="3832225"/>
          <p14:tracePt t="56783" x="8105775" y="3824288"/>
          <p14:tracePt t="56796" x="8105775" y="3816350"/>
          <p14:tracePt t="56817" x="8105775" y="3806825"/>
          <p14:tracePt t="56824" x="8113713" y="3806825"/>
          <p14:tracePt t="56847" x="8113713" y="3798888"/>
          <p14:tracePt t="56859" x="8121650" y="3798888"/>
          <p14:tracePt t="56865" x="8121650" y="3790950"/>
          <p14:tracePt t="56896" x="8121650" y="3781425"/>
          <p14:tracePt t="56907" x="8131175" y="3781425"/>
          <p14:tracePt t="56914" x="8131175" y="3773488"/>
          <p14:tracePt t="56932" x="8131175" y="3763963"/>
          <p14:tracePt t="56957" x="8131175" y="3756025"/>
          <p14:tracePt t="56978" x="8131175" y="3748088"/>
          <p14:tracePt t="56992" x="8139113" y="3748088"/>
          <p14:tracePt t="57001" x="8139113" y="3738563"/>
          <p14:tracePt t="57005" x="8147050" y="3730625"/>
          <p14:tracePt t="57018" x="8147050" y="3722688"/>
          <p14:tracePt t="57024" x="8156575" y="3722688"/>
          <p14:tracePt t="57031" x="8156575" y="3713163"/>
          <p14:tracePt t="57046" x="8156575" y="3705225"/>
          <p14:tracePt t="57052" x="8164513" y="3705225"/>
          <p14:tracePt t="57059" x="8164513" y="3697288"/>
          <p14:tracePt t="57066" x="8174038" y="3697288"/>
          <p14:tracePt t="57080" x="8174038" y="3687763"/>
          <p14:tracePt t="57087" x="8181975" y="3687763"/>
          <p14:tracePt t="57094" x="8181975" y="3679825"/>
          <p14:tracePt t="57108" x="8189913" y="3679825"/>
          <p14:tracePt t="57122" x="8189913" y="3671888"/>
          <p14:tracePt t="57136" x="8199438" y="3671888"/>
          <p14:tracePt t="57143" x="8207375" y="3671888"/>
          <p14:tracePt t="57149" x="8215313" y="3662363"/>
          <p14:tracePt t="57170" x="8224838" y="3662363"/>
          <p14:tracePt t="57176" x="8232775" y="3654425"/>
          <p14:tracePt t="57190" x="8232775" y="3646488"/>
          <p14:tracePt t="57212" x="8240713" y="3646488"/>
          <p14:tracePt t="57225" x="8250238" y="3646488"/>
          <p14:tracePt t="57239" x="8258175" y="3646488"/>
          <p14:tracePt t="57351" x="8266113" y="3646488"/>
          <p14:tracePt t="57366" x="8275638" y="3646488"/>
          <p14:tracePt t="57399" x="8275638" y="3654425"/>
          <p14:tracePt t="57565" x="8275638" y="3662363"/>
          <p14:tracePt t="57821" x="8266113" y="3662363"/>
          <p14:tracePt t="61128" x="8258175" y="3662363"/>
          <p14:tracePt t="61134" x="8258175" y="3671888"/>
          <p14:tracePt t="61142" x="8250238" y="3671888"/>
          <p14:tracePt t="61176" x="8240713" y="3671888"/>
          <p14:tracePt t="61751" x="8232775" y="3671888"/>
          <p14:tracePt t="61806" x="8224838" y="3671888"/>
          <p14:tracePt t="61813" x="8224838" y="3679825"/>
          <p14:tracePt t="61834" x="8224838" y="3687763"/>
          <p14:tracePt t="61847" x="8224838" y="3697288"/>
          <p14:tracePt t="65887" x="8174038" y="3730625"/>
          <p14:tracePt t="65894" x="8105775" y="3790950"/>
          <p14:tracePt t="65900" x="8054975" y="3824288"/>
          <p14:tracePt t="65909" x="8004175" y="3857625"/>
          <p14:tracePt t="65914" x="7969250" y="3883025"/>
          <p14:tracePt t="65921" x="7935913" y="3900488"/>
          <p14:tracePt t="65928" x="7910513" y="3917950"/>
          <p14:tracePt t="65935" x="7885113" y="3925888"/>
          <p14:tracePt t="65943" x="7867650" y="3925888"/>
          <p14:tracePt t="65950" x="7850188" y="3935413"/>
          <p14:tracePt t="65957" x="7824788" y="3935413"/>
          <p14:tracePt t="65965" x="7791450" y="3935413"/>
          <p14:tracePt t="65971" x="7766050" y="3935413"/>
          <p14:tracePt t="65979" x="7723188" y="3935413"/>
          <p14:tracePt t="65985" x="7621588" y="3925888"/>
          <p14:tracePt t="65992" x="7477125" y="3925888"/>
          <p14:tracePt t="65999" x="7323138" y="3925888"/>
          <p14:tracePt t="66006" x="7145338" y="3951288"/>
          <p14:tracePt t="66013" x="7000875" y="3976688"/>
          <p14:tracePt t="66018" x="6856413" y="4002088"/>
          <p14:tracePt t="66027" x="6729413" y="4019550"/>
          <p14:tracePt t="66032" x="6626225" y="4037013"/>
          <p14:tracePt t="66038" x="6542088" y="4044950"/>
          <p14:tracePt t="66046" x="6473825" y="4052888"/>
          <p14:tracePt t="66053" x="6415088" y="4062413"/>
          <p14:tracePt t="66059" x="6338888" y="4087813"/>
          <p14:tracePt t="66066" x="6261100" y="4105275"/>
          <p14:tracePt t="66073" x="6219825" y="4113213"/>
          <p14:tracePt t="66080" x="6167438" y="4138613"/>
          <p14:tracePt t="66087" x="6116638" y="4156075"/>
          <p14:tracePt t="66094" x="6075363" y="4171950"/>
          <p14:tracePt t="66101" x="6024563" y="4189413"/>
          <p14:tracePt t="66108" x="5972175" y="4214813"/>
          <p14:tracePt t="66115" x="5938838" y="4232275"/>
          <p14:tracePt t="66122" x="5905500" y="4249738"/>
          <p14:tracePt t="66129" x="5870575" y="4257675"/>
          <p14:tracePt t="66136" x="5845175" y="4275138"/>
          <p14:tracePt t="66143" x="5827713" y="4283075"/>
          <p14:tracePt t="66150" x="5802313" y="4291013"/>
          <p14:tracePt t="66157" x="5786438" y="4291013"/>
          <p14:tracePt t="66163" x="5776913" y="4291013"/>
          <p14:tracePt t="66171" x="5761038" y="4291013"/>
          <p14:tracePt t="66178" x="5751513" y="4291013"/>
          <p14:tracePt t="66289" x="5751513" y="4283075"/>
          <p14:tracePt t="66330" x="5751513" y="4275138"/>
          <p14:tracePt t="66337" x="5761038" y="4275138"/>
          <p14:tracePt t="66351" x="5761038" y="4265613"/>
          <p14:tracePt t="66364" x="5761038" y="4257675"/>
          <p14:tracePt t="66378" x="5768975" y="4257675"/>
          <p14:tracePt t="66394" x="5768975" y="4249738"/>
          <p14:tracePt t="66400" x="5776913" y="4249738"/>
          <p14:tracePt t="66414" x="5786438" y="4240213"/>
          <p14:tracePt t="66476" x="5794375" y="4240213"/>
          <p14:tracePt t="66490" x="5802313" y="4240213"/>
          <p14:tracePt t="66538" x="5811838" y="4240213"/>
          <p14:tracePt t="66573" x="5819775" y="4240213"/>
          <p14:tracePt t="66621" x="5827713" y="4240213"/>
          <p14:tracePt t="66656" x="5837238" y="4240213"/>
          <p14:tracePt t="66710" x="5845175" y="4240213"/>
          <p14:tracePt t="67368" x="5845175" y="4249738"/>
          <p14:tracePt t="67375" x="5837238" y="4249738"/>
          <p14:tracePt t="67381" x="5827713" y="4249738"/>
          <p14:tracePt t="67388" x="5802313" y="4257675"/>
          <p14:tracePt t="67395" x="5768975" y="4257675"/>
          <p14:tracePt t="67402" x="5735638" y="4265613"/>
          <p14:tracePt t="67410" x="5692775" y="4275138"/>
          <p14:tracePt t="67416" x="5649913" y="4275138"/>
          <p14:tracePt t="67423" x="5599113" y="4291013"/>
          <p14:tracePt t="67429" x="5556250" y="4291013"/>
          <p14:tracePt t="67437" x="5513388" y="4291013"/>
          <p14:tracePt t="67444" x="5480050" y="4291013"/>
          <p14:tracePt t="67450" x="5454650" y="4291013"/>
          <p14:tracePt t="67458" x="5421313" y="4291013"/>
          <p14:tracePt t="67464" x="5394325" y="4291013"/>
          <p14:tracePt t="67471" x="5368925" y="4291013"/>
          <p14:tracePt t="67478" x="5360988" y="4291013"/>
          <p14:tracePt t="67486" x="5343525" y="4300538"/>
          <p14:tracePt t="67492" x="5335588" y="4300538"/>
          <p14:tracePt t="67505" x="5327650" y="4300538"/>
          <p14:tracePt t="67512" x="5318125" y="4300538"/>
          <p14:tracePt t="67520" x="5310188" y="4300538"/>
          <p14:tracePt t="67547" x="5302250" y="4300538"/>
          <p14:tracePt t="67561" x="5292725" y="4300538"/>
          <p14:tracePt t="67603" x="5284788" y="4300538"/>
          <p14:tracePt t="67617" x="5276850" y="4300538"/>
          <p14:tracePt t="67638" x="5259388" y="4300538"/>
          <p14:tracePt t="67645" x="5241925" y="4308475"/>
          <p14:tracePt t="67651" x="5224463" y="4308475"/>
          <p14:tracePt t="67659" x="5165725" y="4316413"/>
          <p14:tracePt t="67665" x="5054600" y="4333875"/>
          <p14:tracePt t="67672" x="4962525" y="4351338"/>
          <p14:tracePt t="67679" x="4876800" y="4359275"/>
          <p14:tracePt t="67687" x="4808538" y="4376738"/>
          <p14:tracePt t="67694" x="4757738" y="4384675"/>
          <p14:tracePt t="67701" x="4714875" y="4394200"/>
          <p14:tracePt t="67709" x="4673600" y="4394200"/>
          <p14:tracePt t="67716" x="4621213" y="4402138"/>
          <p14:tracePt t="67724" x="4579938" y="4410075"/>
          <p14:tracePt t="67729" x="4545013" y="4410075"/>
          <p14:tracePt t="67735" x="4511675" y="4419600"/>
          <p14:tracePt t="67742" x="4443413" y="4427538"/>
          <p14:tracePt t="67748" x="4410075" y="4435475"/>
          <p14:tracePt t="67756" x="4384675" y="4445000"/>
          <p14:tracePt t="67762" x="4359275" y="4445000"/>
          <p14:tracePt t="67769" x="4341813" y="4445000"/>
          <p14:tracePt t="67776" x="4316413" y="4452938"/>
          <p14:tracePt t="67782" x="4291013" y="4460875"/>
          <p14:tracePt t="67789" x="4265613" y="4470400"/>
          <p14:tracePt t="67796" x="4240213" y="4478338"/>
          <p14:tracePt t="67803" x="4205288" y="4486275"/>
          <p14:tracePt t="67811" x="4154488" y="4503738"/>
          <p14:tracePt t="67817" x="4103688" y="4521200"/>
          <p14:tracePt t="67824" x="4044950" y="4546600"/>
          <p14:tracePt t="67831" x="4010025" y="4564063"/>
          <p14:tracePt t="67838" x="3959225" y="4579938"/>
          <p14:tracePt t="67845" x="3925888" y="4605338"/>
          <p14:tracePt t="67852" x="3900488" y="4622800"/>
          <p14:tracePt t="67859" x="3873500" y="4640263"/>
          <p14:tracePt t="67866" x="3857625" y="4657725"/>
          <p14:tracePt t="67873" x="3840163" y="4673600"/>
          <p14:tracePt t="67879" x="3822700" y="4683125"/>
          <p14:tracePt t="67887" x="3814763" y="4699000"/>
          <p14:tracePt t="67894" x="3797300" y="4716463"/>
          <p14:tracePt t="67900" x="3797300" y="4741863"/>
          <p14:tracePt t="67907" x="3797300" y="4749800"/>
          <p14:tracePt t="67913" x="3797300" y="4767263"/>
          <p14:tracePt t="67921" x="3797300" y="4792663"/>
          <p14:tracePt t="67927" x="3789363" y="4818063"/>
          <p14:tracePt t="67934" x="3789363" y="4868863"/>
          <p14:tracePt t="67942" x="3771900" y="4929188"/>
          <p14:tracePt t="67948" x="3771900" y="5013325"/>
          <p14:tracePt t="67956" x="3763963" y="5106988"/>
          <p14:tracePt t="67962" x="3756025" y="5208588"/>
          <p14:tracePt t="67970" x="3756025" y="5294313"/>
          <p14:tracePt t="67979" x="3756025" y="5370513"/>
          <p14:tracePt t="67984" x="3756025" y="5438775"/>
          <p14:tracePt t="67990" x="3746500" y="5489575"/>
          <p14:tracePt t="67997" x="3746500" y="5540375"/>
          <p14:tracePt t="68003" x="3746500" y="5583238"/>
          <p14:tracePt t="68010" x="3746500" y="5634038"/>
          <p14:tracePt t="68017" x="3746500" y="5676900"/>
          <p14:tracePt t="68024" x="3756025" y="5719763"/>
          <p14:tracePt t="68031" x="3763963" y="5753100"/>
          <p14:tracePt t="68038" x="3771900" y="5778500"/>
          <p14:tracePt t="68045" x="3789363" y="5795963"/>
          <p14:tracePt t="68052" x="3797300" y="5813425"/>
          <p14:tracePt t="68059" x="3806825" y="5821363"/>
          <p14:tracePt t="68065" x="3832225" y="5829300"/>
          <p14:tracePt t="68073" x="3857625" y="5846763"/>
          <p14:tracePt t="68080" x="3890963" y="5864225"/>
          <p14:tracePt t="68087" x="3941763" y="5897563"/>
          <p14:tracePt t="68094" x="4002088" y="5922963"/>
          <p14:tracePt t="68101" x="4086225" y="5957888"/>
          <p14:tracePt t="68107" x="4179888" y="5991225"/>
          <p14:tracePt t="68114" x="4240213" y="6016625"/>
          <p14:tracePt t="68122" x="4298950" y="6034088"/>
          <p14:tracePt t="68128" x="4367213" y="6049963"/>
          <p14:tracePt t="68135" x="4425950" y="6067425"/>
          <p14:tracePt t="68143" x="4486275" y="6076950"/>
          <p14:tracePt t="68149" x="4554538" y="6084888"/>
          <p14:tracePt t="68157" x="4613275" y="6092825"/>
          <p14:tracePt t="68163" x="4699000" y="6102350"/>
          <p14:tracePt t="68170" x="4800600" y="6102350"/>
          <p14:tracePt t="68178" x="4910138" y="6102350"/>
          <p14:tracePt t="68183" x="5013325" y="6102350"/>
          <p14:tracePt t="68191" x="5097463" y="6102350"/>
          <p14:tracePt t="68197" x="5173663" y="6092825"/>
          <p14:tracePt t="68204" x="5259388" y="6067425"/>
          <p14:tracePt t="68211" x="5378450" y="6049963"/>
          <p14:tracePt t="68218" x="5487988" y="5999163"/>
          <p14:tracePt t="68226" x="5599113" y="5965825"/>
          <p14:tracePt t="68231" x="5667375" y="5948363"/>
          <p14:tracePt t="68239" x="5743575" y="5915025"/>
          <p14:tracePt t="68245" x="5819775" y="5872163"/>
          <p14:tracePt t="68253" x="5895975" y="5838825"/>
          <p14:tracePt t="68261" x="5989638" y="5788025"/>
          <p14:tracePt t="68266" x="6065838" y="5745163"/>
          <p14:tracePt t="68273" x="6126163" y="5702300"/>
          <p14:tracePt t="68280" x="6176963" y="5659438"/>
          <p14:tracePt t="68287" x="6227763" y="5626100"/>
          <p14:tracePt t="68294" x="6296025" y="5583238"/>
          <p14:tracePt t="68302" x="6364288" y="5514975"/>
          <p14:tracePt t="68308" x="6415088" y="5446713"/>
          <p14:tracePt t="68315" x="6465888" y="5395913"/>
          <p14:tracePt t="68322" x="6542088" y="5294313"/>
          <p14:tracePt t="68328" x="6600825" y="5175250"/>
          <p14:tracePt t="68336" x="6626225" y="5106988"/>
          <p14:tracePt t="68343" x="6653213" y="5073650"/>
          <p14:tracePt t="68351" x="6686550" y="5038725"/>
          <p14:tracePt t="68358" x="6694488" y="5005388"/>
          <p14:tracePt t="68368" x="6711950" y="4972050"/>
          <p14:tracePt t="68370" x="6719888" y="4937125"/>
          <p14:tracePt t="68377" x="6737350" y="4903788"/>
          <p14:tracePt t="68384" x="6745288" y="4868863"/>
          <p14:tracePt t="68392" x="6754813" y="4835525"/>
          <p14:tracePt t="68397" x="6754813" y="4802188"/>
          <p14:tracePt t="68405" x="6754813" y="4759325"/>
          <p14:tracePt t="68411" x="6754813" y="4716463"/>
          <p14:tracePt t="68419" x="6754813" y="4673600"/>
          <p14:tracePt t="68426" x="6745288" y="4622800"/>
          <p14:tracePt t="68433" x="6719888" y="4579938"/>
          <p14:tracePt t="68440" x="6711950" y="4529138"/>
          <p14:tracePt t="68446" x="6678613" y="4470400"/>
          <p14:tracePt t="68453" x="6661150" y="4435475"/>
          <p14:tracePt t="68460" x="6643688" y="4384675"/>
          <p14:tracePt t="68467" x="6626225" y="4359275"/>
          <p14:tracePt t="68475" x="6600825" y="4333875"/>
          <p14:tracePt t="68481" x="6567488" y="4308475"/>
          <p14:tracePt t="68488" x="6516688" y="4283075"/>
          <p14:tracePt t="68495" x="6465888" y="4249738"/>
          <p14:tracePt t="68502" x="6423025" y="4224338"/>
          <p14:tracePt t="68510" x="6354763" y="4189413"/>
          <p14:tracePt t="68516" x="6296025" y="4156075"/>
          <p14:tracePt t="68523" x="6227763" y="4130675"/>
          <p14:tracePt t="68530" x="6184900" y="4095750"/>
          <p14:tracePt t="68537" x="6116638" y="4062413"/>
          <p14:tracePt t="68545" x="6057900" y="4044950"/>
          <p14:tracePt t="68550" x="6007100" y="4011613"/>
          <p14:tracePt t="68558" x="5946775" y="4002088"/>
          <p14:tracePt t="68565" x="5905500" y="3986213"/>
          <p14:tracePt t="68571" x="5853113" y="3968750"/>
          <p14:tracePt t="68578" x="5811838" y="3968750"/>
          <p14:tracePt t="68585" x="5776913" y="3960813"/>
          <p14:tracePt t="68593" x="5743575" y="3960813"/>
          <p14:tracePt t="68599" x="5708650" y="3960813"/>
          <p14:tracePt t="68606" x="5700713" y="3960813"/>
          <p14:tracePt t="68612" x="5675313" y="3960813"/>
          <p14:tracePt t="68620" x="5657850" y="3960813"/>
          <p14:tracePt t="68626" x="5641975" y="3968750"/>
          <p14:tracePt t="68633" x="5616575" y="3968750"/>
          <p14:tracePt t="68646" x="5591175" y="3976688"/>
          <p14:tracePt t="68648" x="5565775" y="3986213"/>
          <p14:tracePt t="68656" x="5548313" y="3994150"/>
          <p14:tracePt t="68665" x="5530850" y="4011613"/>
          <p14:tracePt t="68669" x="5513388" y="4027488"/>
          <p14:tracePt t="68678" x="5487988" y="4044950"/>
          <p14:tracePt t="68683" x="5480050" y="4052888"/>
          <p14:tracePt t="68690" x="5480050" y="4079875"/>
          <p14:tracePt t="68699" x="5472113" y="4095750"/>
          <p14:tracePt t="68704" x="5454650" y="4121150"/>
          <p14:tracePt t="68711" x="5446713" y="4146550"/>
          <p14:tracePt t="68717" x="5411788" y="4197350"/>
          <p14:tracePt t="68723" x="5386388" y="4265613"/>
          <p14:tracePt t="68732" x="5157788" y="4445000"/>
          <p14:tracePt t="68740" x="4638675" y="4810125"/>
          <p14:tracePt t="68747" x="4554538" y="4979988"/>
          <p14:tracePt t="68754" x="4494213" y="5081588"/>
          <p14:tracePt t="68762" x="4460875" y="5157788"/>
          <p14:tracePt t="68770" x="4443413" y="5218113"/>
          <p14:tracePt t="68777" x="4435475" y="5260975"/>
          <p14:tracePt t="68785" x="4410075" y="5337175"/>
          <p14:tracePt t="68792" x="4410075" y="5421313"/>
          <p14:tracePt t="68798" x="4410075" y="5497513"/>
          <p14:tracePt t="68803" x="4400550" y="5608638"/>
          <p14:tracePt t="68810" x="4400550" y="5710238"/>
          <p14:tracePt t="68816" x="4400550" y="5753100"/>
          <p14:tracePt t="68822" x="4400550" y="5788025"/>
          <p14:tracePt t="68828" x="4400550" y="5803900"/>
          <p14:tracePt t="68833" x="4410075" y="5829300"/>
          <p14:tracePt t="68842" x="4418013" y="5854700"/>
          <p14:tracePt t="68848" x="4435475" y="5872163"/>
          <p14:tracePt t="68854" x="4435475" y="5880100"/>
          <p14:tracePt t="68861" x="4460875" y="5897563"/>
          <p14:tracePt t="68869" x="4476750" y="5905500"/>
          <p14:tracePt t="68877" x="4511675" y="5922963"/>
          <p14:tracePt t="68898" x="4706938" y="6008688"/>
          <p14:tracePt t="68906" x="4826000" y="6034088"/>
          <p14:tracePt t="68913" x="4927600" y="6049963"/>
          <p14:tracePt t="68918" x="5046663" y="6084888"/>
          <p14:tracePt t="68925" x="5132388" y="6118225"/>
          <p14:tracePt t="68931" x="5191125" y="6135688"/>
          <p14:tracePt t="68937" x="5241925" y="6143625"/>
          <p14:tracePt t="68945" x="5267325" y="6153150"/>
          <p14:tracePt t="68951" x="5302250" y="6153150"/>
          <p14:tracePt t="68958" x="5335588" y="6153150"/>
          <p14:tracePt t="68965" x="5368925" y="6153150"/>
          <p14:tracePt t="68972" x="5386388" y="6153150"/>
          <p14:tracePt t="68979" x="5411788" y="6143625"/>
          <p14:tracePt t="68986" x="5446713" y="6127750"/>
          <p14:tracePt t="68993" x="5472113" y="6110288"/>
          <p14:tracePt t="69000" x="5497513" y="6084888"/>
          <p14:tracePt t="69007" x="5530850" y="6059488"/>
          <p14:tracePt t="69014" x="5556250" y="6034088"/>
          <p14:tracePt t="69021" x="5581650" y="6008688"/>
          <p14:tracePt t="69028" x="5599113" y="5973763"/>
          <p14:tracePt t="69035" x="5641975" y="5922963"/>
          <p14:tracePt t="69043" x="5683250" y="5854700"/>
          <p14:tracePt t="69049" x="5708650" y="5821363"/>
          <p14:tracePt t="69056" x="5751513" y="5727700"/>
          <p14:tracePt t="69062" x="5802313" y="5616575"/>
          <p14:tracePt t="69070" x="5819775" y="5575300"/>
          <p14:tracePt t="69076" x="5837238" y="5565775"/>
          <p14:tracePt t="69083" x="5845175" y="5557838"/>
          <p14:tracePt t="69091" x="5853113" y="5540375"/>
          <p14:tracePt t="69104" x="5862638" y="5532438"/>
          <p14:tracePt t="69111" x="5870575" y="5532438"/>
          <p14:tracePt t="69118" x="5870575" y="5524500"/>
          <p14:tracePt t="69125" x="5880100" y="5507038"/>
          <p14:tracePt t="69139" x="5888038" y="5497513"/>
          <p14:tracePt t="69145" x="5888038" y="5489575"/>
          <p14:tracePt t="69153" x="5895975" y="5489575"/>
          <p14:tracePt t="69166" x="5895975" y="5481638"/>
          <p14:tracePt t="69173" x="5895975" y="5472113"/>
          <p14:tracePt t="69187" x="5905500" y="5464175"/>
          <p14:tracePt t="69208" x="5905500" y="5456238"/>
          <p14:tracePt t="69228" x="5905500" y="5446713"/>
          <p14:tracePt t="69270" x="5895975" y="5446713"/>
          <p14:tracePt t="69277" x="5888038" y="5446713"/>
          <p14:tracePt t="69291" x="5880100" y="5446713"/>
          <p14:tracePt t="69297" x="5870575" y="5446713"/>
          <p14:tracePt t="69305" x="5862638" y="5456238"/>
          <p14:tracePt t="69326" x="5853113" y="5456238"/>
          <p14:tracePt t="69332" x="5845175" y="5464175"/>
          <p14:tracePt t="69346" x="5837238" y="5464175"/>
          <p14:tracePt t="69353" x="5837238" y="5472113"/>
          <p14:tracePt t="69360" x="5827713" y="5472113"/>
          <p14:tracePt t="69369" x="5827713" y="5481638"/>
          <p14:tracePt t="69382" x="5819775" y="5481638"/>
          <p14:tracePt t="69397" x="5819775" y="5489575"/>
          <p14:tracePt t="69444" x="5819775" y="5497513"/>
          <p14:tracePt t="69597" x="5811838" y="5497513"/>
          <p14:tracePt t="69616" x="5802313" y="5497513"/>
          <p14:tracePt t="69700" x="5794375" y="5497513"/>
          <p14:tracePt t="70157" x="5786438" y="5497513"/>
          <p14:tracePt t="70198" x="5776913" y="5497513"/>
          <p14:tracePt t="70863" x="5776913" y="5489575"/>
          <p14:tracePt t="70972" x="5768975" y="5489575"/>
          <p14:tracePt t="70994" x="5761038" y="5489575"/>
          <p14:tracePt t="71000" x="5761038" y="5481638"/>
          <p14:tracePt t="71013" x="5761038" y="5472113"/>
          <p14:tracePt t="71021" x="5751513" y="5472113"/>
          <p14:tracePt t="71034" x="5751513" y="5464175"/>
          <p14:tracePt t="71042" x="5743575" y="5464175"/>
          <p14:tracePt t="71048" x="5735638" y="5464175"/>
          <p14:tracePt t="71061" x="5735638" y="5456238"/>
          <p14:tracePt t="71069" x="5718175" y="5456238"/>
          <p14:tracePt t="71076" x="5708650" y="5446713"/>
          <p14:tracePt t="71083" x="5700713" y="5438775"/>
          <p14:tracePt t="71090" x="5692775" y="5438775"/>
          <p14:tracePt t="71097" x="5683250" y="5430838"/>
          <p14:tracePt t="71104" x="5667375" y="5430838"/>
          <p14:tracePt t="71111" x="5657850" y="5421313"/>
          <p14:tracePt t="71131" x="5649913" y="5413375"/>
          <p14:tracePt t="71138" x="5632450" y="5405438"/>
          <p14:tracePt t="71153" x="5624513" y="5405438"/>
          <p14:tracePt t="71160" x="5616575" y="5395913"/>
          <p14:tracePt t="71167" x="5607050" y="5395913"/>
          <p14:tracePt t="71173" x="5607050" y="5387975"/>
          <p14:tracePt t="71180" x="5599113" y="5387975"/>
          <p14:tracePt t="71187" x="5591175" y="5380038"/>
          <p14:tracePt t="71194" x="5581650" y="5370513"/>
          <p14:tracePt t="71209" x="5573713" y="5370513"/>
          <p14:tracePt t="71214" x="5565775" y="5362575"/>
          <p14:tracePt t="71221" x="5556250" y="5353050"/>
          <p14:tracePt t="71228" x="5548313" y="5353050"/>
          <p14:tracePt t="71236" x="5538788" y="5345113"/>
          <p14:tracePt t="71249" x="5522913" y="5345113"/>
          <p14:tracePt t="71256" x="5513388" y="5337175"/>
          <p14:tracePt t="71263" x="5513388" y="5327650"/>
          <p14:tracePt t="71270" x="5497513" y="5327650"/>
          <p14:tracePt t="71277" x="5487988" y="5319713"/>
          <p14:tracePt t="71284" x="5487988" y="5311775"/>
          <p14:tracePt t="71292" x="5480050" y="5311775"/>
          <p14:tracePt t="71298" x="5472113" y="5311775"/>
          <p14:tracePt t="71304" x="5462588" y="5302250"/>
          <p14:tracePt t="71311" x="5454650" y="5294313"/>
          <p14:tracePt t="71318" x="5446713" y="5286375"/>
          <p14:tracePt t="71325" x="5437188" y="5286375"/>
          <p14:tracePt t="71333" x="5429250" y="5286375"/>
          <p14:tracePt t="71338" x="5421313" y="5276850"/>
          <p14:tracePt t="71345" x="5411788" y="5276850"/>
          <p14:tracePt t="71353" x="5403850" y="5268913"/>
          <p14:tracePt t="71360" x="5394325" y="5268913"/>
          <p14:tracePt t="71366" x="5386388" y="5260975"/>
          <p14:tracePt t="71374" x="5378450" y="5260975"/>
          <p14:tracePt t="71380" x="5368925" y="5251450"/>
          <p14:tracePt t="71387" x="5368925" y="5243513"/>
          <p14:tracePt t="71395" x="5276850" y="5251450"/>
          <p14:tracePt t="71403" x="5054600" y="5311775"/>
          <p14:tracePt t="71411" x="5003800" y="5327650"/>
          <p14:tracePt t="71419" x="4978400" y="5327650"/>
          <p14:tracePt t="71427" x="4970463" y="5327650"/>
          <p14:tracePt t="71434" x="4953000" y="5327650"/>
          <p14:tracePt t="71442" x="4945063" y="5327650"/>
          <p14:tracePt t="71450" x="4935538" y="5327650"/>
          <p14:tracePt t="71459" x="4927600" y="5327650"/>
          <p14:tracePt t="71466" x="4919663" y="5327650"/>
          <p14:tracePt t="71481" x="4902200" y="5327650"/>
          <p14:tracePt t="71489" x="4894263" y="5327650"/>
          <p14:tracePt t="71505" x="4876800" y="5327650"/>
          <p14:tracePt t="71512" x="4868863" y="5327650"/>
          <p14:tracePt t="71521" x="4851400" y="5327650"/>
          <p14:tracePt t="71528" x="4833938" y="5327650"/>
          <p14:tracePt t="71536" x="4826000" y="5327650"/>
          <p14:tracePt t="71544" x="4800600" y="5327650"/>
          <p14:tracePt t="71551" x="4791075" y="5327650"/>
          <p14:tracePt t="71560" x="4765675" y="5327650"/>
          <p14:tracePt t="71567" x="4740275" y="5327650"/>
          <p14:tracePt t="71574" x="4732338" y="5327650"/>
          <p14:tracePt t="71582" x="4706938" y="5327650"/>
          <p14:tracePt t="71591" x="4689475" y="5327650"/>
          <p14:tracePt t="71597" x="4681538" y="5327650"/>
          <p14:tracePt t="71606" x="4664075" y="5327650"/>
          <p14:tracePt t="71613" x="4646613" y="5327650"/>
          <p14:tracePt t="71620" x="4638675" y="5327650"/>
          <p14:tracePt t="71628" x="4613275" y="5327650"/>
          <p14:tracePt t="71636" x="4605338" y="5327650"/>
          <p14:tracePt t="71644" x="4587875" y="5327650"/>
          <p14:tracePt t="71652" x="4570413" y="5327650"/>
          <p14:tracePt t="71659" x="4570413" y="5337175"/>
          <p14:tracePt t="71667" x="4554538" y="5337175"/>
          <p14:tracePt t="71675" x="4545013" y="5337175"/>
          <p14:tracePt t="71692" x="4529138" y="5337175"/>
          <p14:tracePt t="71697" x="4519613" y="5345113"/>
          <p14:tracePt t="71706" x="4511675" y="5345113"/>
          <p14:tracePt t="71713" x="4503738" y="5345113"/>
          <p14:tracePt t="71721" x="4494213" y="5345113"/>
          <p14:tracePt t="71736" x="4476750" y="5353050"/>
          <p14:tracePt t="71745" x="4468813" y="5353050"/>
          <p14:tracePt t="71751" x="4460875" y="5353050"/>
          <p14:tracePt t="71758" x="4451350" y="5362575"/>
          <p14:tracePt t="71766" x="4443413" y="5362575"/>
          <p14:tracePt t="71774" x="4435475" y="5362575"/>
          <p14:tracePt t="71781" x="4425950" y="5362575"/>
          <p14:tracePt t="71796" x="4418013" y="5362575"/>
          <p14:tracePt t="71811" x="4400550" y="5362575"/>
          <p14:tracePt t="71819" x="4392613" y="5370513"/>
          <p14:tracePt t="71834" x="4384675" y="5380038"/>
          <p14:tracePt t="71843" x="4375150" y="5380038"/>
          <p14:tracePt t="71863" x="4375150" y="5387975"/>
          <p14:tracePt t="71869" x="4349750" y="5387975"/>
          <p14:tracePt t="71881" x="4341813" y="5387975"/>
          <p14:tracePt t="71887" x="4341813" y="5395913"/>
          <p14:tracePt t="71895" x="4332288" y="5395913"/>
          <p14:tracePt t="71899" x="4324350" y="5405438"/>
          <p14:tracePt t="71913" x="4316413" y="5405438"/>
          <p14:tracePt t="71927" x="4306888" y="5405438"/>
          <p14:tracePt t="71934" x="4306888" y="5413375"/>
          <p14:tracePt t="71948" x="4298950" y="5421313"/>
          <p14:tracePt t="71968" x="4291013" y="5430838"/>
          <p14:tracePt t="71983" x="4281488" y="5430838"/>
          <p14:tracePt t="72017" x="4273550" y="5430838"/>
          <p14:tracePt t="72030" x="4265613" y="5430838"/>
          <p14:tracePt t="72124" x="4273550" y="5430838"/>
          <p14:tracePt t="72154" x="4281488" y="5430838"/>
          <p14:tracePt t="72162" x="4291013" y="5430838"/>
          <p14:tracePt t="72170" x="4291013" y="5421313"/>
          <p14:tracePt t="72177" x="4298950" y="5421313"/>
          <p14:tracePt t="72193" x="4306888" y="5413375"/>
          <p14:tracePt t="72201" x="4316413" y="5413375"/>
          <p14:tracePt t="72217" x="4324350" y="5413375"/>
          <p14:tracePt t="72231" x="4332288" y="5413375"/>
          <p14:tracePt t="72239" x="4332288" y="5405438"/>
          <p14:tracePt t="72247" x="4341813" y="5405438"/>
          <p14:tracePt t="72254" x="4349750" y="5395913"/>
          <p14:tracePt t="72266" x="4359275" y="5395913"/>
          <p14:tracePt t="72274" x="4367213" y="5395913"/>
          <p14:tracePt t="72280" x="4375150" y="5395913"/>
          <p14:tracePt t="72287" x="4384675" y="5387975"/>
          <p14:tracePt t="72294" x="4400550" y="5387975"/>
          <p14:tracePt t="72301" x="4425950" y="5387975"/>
          <p14:tracePt t="72309" x="4435475" y="5387975"/>
          <p14:tracePt t="72315" x="4460875" y="5387975"/>
          <p14:tracePt t="72322" x="4476750" y="5387975"/>
          <p14:tracePt t="72329" x="4494213" y="5387975"/>
          <p14:tracePt t="72336" x="4519613" y="5387975"/>
          <p14:tracePt t="72343" x="4529138" y="5387975"/>
          <p14:tracePt t="72350" x="4545013" y="5387975"/>
          <p14:tracePt t="72358" x="4562475" y="5387975"/>
          <p14:tracePt t="72366" x="4570413" y="5387975"/>
          <p14:tracePt t="72374" x="4587875" y="5387975"/>
          <p14:tracePt t="72381" x="4613275" y="5387975"/>
          <p14:tracePt t="72389" x="4621213" y="5387975"/>
          <p14:tracePt t="72396" x="4646613" y="5387975"/>
          <p14:tracePt t="72405" x="4656138" y="5387975"/>
          <p14:tracePt t="72412" x="4681538" y="5387975"/>
          <p14:tracePt t="72420" x="4714875" y="5387975"/>
          <p14:tracePt t="72428" x="4740275" y="5387975"/>
          <p14:tracePt t="72436" x="4765675" y="5387975"/>
          <p14:tracePt t="72443" x="4791075" y="5387975"/>
          <p14:tracePt t="72451" x="4826000" y="5395913"/>
          <p14:tracePt t="72459" x="4859338" y="5395913"/>
          <p14:tracePt t="72466" x="4876800" y="5395913"/>
          <p14:tracePt t="72475" x="4910138" y="5395913"/>
          <p14:tracePt t="72482" x="4935538" y="5395913"/>
          <p14:tracePt t="72491" x="4962525" y="5395913"/>
          <p14:tracePt t="72501" x="5106988" y="5353050"/>
          <p14:tracePt t="72508" x="5692775" y="5167313"/>
          <p14:tracePt t="72515" x="5708650" y="5157788"/>
          <p14:tracePt t="72522" x="5726113" y="5157788"/>
          <p14:tracePt t="72529" x="5735638" y="5157788"/>
          <p14:tracePt t="72536" x="5743575" y="5157788"/>
          <p14:tracePt t="72543" x="5751513" y="5157788"/>
          <p14:tracePt t="72549" x="5761038" y="5157788"/>
          <p14:tracePt t="72558" x="5768975" y="5157788"/>
          <p14:tracePt t="72563" x="5776913" y="5157788"/>
          <p14:tracePt t="72570" x="5786438" y="5157788"/>
          <p14:tracePt t="72584" x="5794375" y="5157788"/>
          <p14:tracePt t="72592" x="5802313" y="5157788"/>
          <p14:tracePt t="72605" x="5811838" y="5157788"/>
          <p14:tracePt t="72612" x="5819775" y="5157788"/>
          <p14:tracePt t="72619" x="5827713" y="5157788"/>
          <p14:tracePt t="72633" x="5845175" y="5157788"/>
          <p14:tracePt t="72641" x="5853113" y="5157788"/>
          <p14:tracePt t="72653" x="5870575" y="5157788"/>
          <p14:tracePt t="72667" x="5888038" y="5157788"/>
          <p14:tracePt t="72675" x="5895975" y="5157788"/>
          <p14:tracePt t="72680" x="5905500" y="5157788"/>
          <p14:tracePt t="72688" x="5921375" y="5157788"/>
          <p14:tracePt t="72694" x="5938838" y="5157788"/>
          <p14:tracePt t="72702" x="5972175" y="5157788"/>
          <p14:tracePt t="72709" x="6015038" y="5167313"/>
          <p14:tracePt t="72715" x="6049963" y="5167313"/>
          <p14:tracePt t="72724" x="6083300" y="5167313"/>
          <p14:tracePt t="72729" x="6108700" y="5167313"/>
          <p14:tracePt t="72736" x="6134100" y="5167313"/>
          <p14:tracePt t="72743" x="6159500" y="5167313"/>
          <p14:tracePt t="72750" x="6184900" y="5175250"/>
          <p14:tracePt t="72758" x="6194425" y="5175250"/>
          <p14:tracePt t="72763" x="6210300" y="5175250"/>
          <p14:tracePt t="72771" x="6219825" y="5175250"/>
          <p14:tracePt t="72778" x="6245225" y="5175250"/>
          <p14:tracePt t="72785" x="6261100" y="5175250"/>
          <p14:tracePt t="72792" x="6270625" y="5175250"/>
          <p14:tracePt t="72800" x="6286500" y="5175250"/>
          <p14:tracePt t="72809" x="6303963" y="5183188"/>
          <p14:tracePt t="72814" x="6311900" y="5183188"/>
          <p14:tracePt t="72821" x="6338888" y="5192713"/>
          <p14:tracePt t="72829" x="6372225" y="5192713"/>
          <p14:tracePt t="72834" x="6397625" y="5192713"/>
          <p14:tracePt t="72845" x="6415088" y="5200650"/>
          <p14:tracePt t="72848" x="6440488" y="5200650"/>
          <p14:tracePt t="72855" x="6465888" y="5208588"/>
          <p14:tracePt t="72862" x="6483350" y="5208588"/>
          <p14:tracePt t="72868" x="6508750" y="5208588"/>
          <p14:tracePt t="72874" x="6524625" y="5218113"/>
          <p14:tracePt t="72881" x="6542088" y="5218113"/>
          <p14:tracePt t="72889" x="6559550" y="5226050"/>
          <p14:tracePt t="72895" x="6584950" y="5235575"/>
          <p14:tracePt t="72903" x="6610350" y="5235575"/>
          <p14:tracePt t="72909" x="6618288" y="5235575"/>
          <p14:tracePt t="72916" x="6643688" y="5235575"/>
          <p14:tracePt t="72924" x="6661150" y="5235575"/>
          <p14:tracePt t="72936" x="6678613" y="5243513"/>
          <p14:tracePt t="72943" x="6686550" y="5243513"/>
          <p14:tracePt t="72951" x="6704013" y="5243513"/>
          <p14:tracePt t="72958" x="6719888" y="5243513"/>
          <p14:tracePt t="72964" x="6729413" y="5243513"/>
          <p14:tracePt t="72971" x="6745288" y="5243513"/>
          <p14:tracePt t="72985" x="6754813" y="5243513"/>
          <p14:tracePt t="72992" x="6762750" y="5243513"/>
          <p14:tracePt t="72999" x="6770688" y="5243513"/>
          <p14:tracePt t="73007" x="6780213" y="5243513"/>
          <p14:tracePt t="73013" x="6788150" y="5243513"/>
          <p14:tracePt t="73020" x="6797675" y="5243513"/>
          <p14:tracePt t="73027" x="6805613" y="5243513"/>
          <p14:tracePt t="73042" x="6823075" y="5243513"/>
          <p14:tracePt t="73048" x="6838950" y="5243513"/>
          <p14:tracePt t="73055" x="6848475" y="5243513"/>
          <p14:tracePt t="73061" x="6856413" y="5243513"/>
          <p14:tracePt t="73068" x="6864350" y="5243513"/>
          <p14:tracePt t="73075" x="6873875" y="5243513"/>
          <p14:tracePt t="73091" x="6889750" y="5243513"/>
          <p14:tracePt t="73103" x="6899275" y="5243513"/>
          <p14:tracePt t="73110" x="6915150" y="5243513"/>
          <p14:tracePt t="73125" x="6924675" y="5243513"/>
          <p14:tracePt t="73131" x="6932613" y="5243513"/>
          <p14:tracePt t="73138" x="6942138" y="5243513"/>
          <p14:tracePt t="73145" x="6942138" y="5251450"/>
          <p14:tracePt t="73152" x="6950075" y="5251450"/>
          <p14:tracePt t="73158" x="6958013" y="5251450"/>
          <p14:tracePt t="73179" x="6967538" y="5251450"/>
          <p14:tracePt t="73193" x="6967538" y="5260975"/>
          <p14:tracePt t="73200" x="6975475" y="5260975"/>
          <p14:tracePt t="73213" x="6983413" y="5260975"/>
          <p14:tracePt t="73242" x="6992938" y="5260975"/>
          <p14:tracePt t="73263" x="7000875" y="5260975"/>
          <p14:tracePt t="73581" x="7000875" y="5268913"/>
          <p14:tracePt t="73636" x="7000875" y="5276850"/>
          <p14:tracePt t="73781" x="6992938" y="5276850"/>
          <p14:tracePt t="73809" x="6992938" y="5286375"/>
          <p14:tracePt t="73836" x="6983413" y="5286375"/>
          <p14:tracePt t="73864" x="6975475" y="5286375"/>
          <p14:tracePt t="73878" x="6967538" y="5286375"/>
          <p14:tracePt t="73906" x="6958013" y="5286375"/>
          <p14:tracePt t="73913" x="6958013" y="5276850"/>
          <p14:tracePt t="73920" x="6950075" y="5276850"/>
          <p14:tracePt t="73927" x="6942138" y="5260975"/>
          <p14:tracePt t="73933" x="6932613" y="5251450"/>
          <p14:tracePt t="73941" x="6915150" y="5235575"/>
          <p14:tracePt t="73947" x="6907213" y="5226050"/>
          <p14:tracePt t="73954" x="6899275" y="5218113"/>
          <p14:tracePt t="73961" x="6873875" y="5192713"/>
          <p14:tracePt t="73968" x="6856413" y="5175250"/>
          <p14:tracePt t="73974" x="6831013" y="5149850"/>
          <p14:tracePt t="73981" x="6805613" y="5124450"/>
          <p14:tracePt t="73988" x="6770688" y="5106988"/>
          <p14:tracePt t="73995" x="6737350" y="5081588"/>
          <p14:tracePt t="74002" x="6694488" y="5038725"/>
          <p14:tracePt t="74009" x="6661150" y="5013325"/>
          <p14:tracePt t="74016" x="6626225" y="4987925"/>
          <p14:tracePt t="74024" x="6584950" y="4972050"/>
          <p14:tracePt t="74029" x="6567488" y="4946650"/>
          <p14:tracePt t="74036" x="6524625" y="4929188"/>
          <p14:tracePt t="74043" x="6508750" y="4903788"/>
          <p14:tracePt t="74050" x="6483350" y="4886325"/>
          <p14:tracePt t="74057" x="6448425" y="4868863"/>
          <p14:tracePt t="74064" x="6423025" y="4843463"/>
          <p14:tracePt t="74071" x="6397625" y="4827588"/>
          <p14:tracePt t="74078" x="6380163" y="4818063"/>
          <p14:tracePt t="74085" x="6354763" y="4802188"/>
          <p14:tracePt t="74092" x="6346825" y="4792663"/>
          <p14:tracePt t="74099" x="6321425" y="4775200"/>
          <p14:tracePt t="74107" x="6303963" y="4759325"/>
          <p14:tracePt t="74113" x="6278563" y="4741863"/>
          <p14:tracePt t="74120" x="6270625" y="4733925"/>
          <p14:tracePt t="74126" x="6245225" y="4724400"/>
          <p14:tracePt t="74133" x="6219825" y="4716463"/>
          <p14:tracePt t="74140" x="6202363" y="4699000"/>
          <p14:tracePt t="74148" x="6194425" y="4691063"/>
          <p14:tracePt t="74154" x="6176963" y="4683125"/>
          <p14:tracePt t="74161" x="6151563" y="4673600"/>
          <p14:tracePt t="74169" x="6134100" y="4665663"/>
          <p14:tracePt t="74177" x="6126163" y="4665663"/>
          <p14:tracePt t="74182" x="6100763" y="4657725"/>
          <p14:tracePt t="74190" x="6083300" y="4657725"/>
          <p14:tracePt t="74196" x="6065838" y="4640263"/>
          <p14:tracePt t="74203" x="6040438" y="4630738"/>
          <p14:tracePt t="74210" x="6015038" y="4622800"/>
          <p14:tracePt t="74216" x="5989638" y="4605338"/>
          <p14:tracePt t="74223" x="5972175" y="4597400"/>
          <p14:tracePt t="74230" x="5946775" y="4589463"/>
          <p14:tracePt t="74237" x="5921375" y="4572000"/>
          <p14:tracePt t="74244" x="5905500" y="4572000"/>
          <p14:tracePt t="74251" x="5888038" y="4564063"/>
          <p14:tracePt t="74258" x="5880100" y="4554538"/>
          <p14:tracePt t="74266" x="5862638" y="4554538"/>
          <p14:tracePt t="74273" x="5853113" y="4546600"/>
          <p14:tracePt t="74279" x="5837238" y="4538663"/>
          <p14:tracePt t="74286" x="5819775" y="4529138"/>
          <p14:tracePt t="74293" x="5811838" y="4521200"/>
          <p14:tracePt t="74300" x="5794375" y="4521200"/>
          <p14:tracePt t="74307" x="5776913" y="4513263"/>
          <p14:tracePt t="74313" x="5768975" y="4503738"/>
          <p14:tracePt t="74321" x="5761038" y="4503738"/>
          <p14:tracePt t="74328" x="5743575" y="4495800"/>
          <p14:tracePt t="74334" x="5726113" y="4486275"/>
          <p14:tracePt t="74341" x="5718175" y="4486275"/>
          <p14:tracePt t="74348" x="5708650" y="4486275"/>
          <p14:tracePt t="74356" x="5700713" y="4486275"/>
          <p14:tracePt t="74362" x="5692775" y="4478338"/>
          <p14:tracePt t="74376" x="5683250" y="4478338"/>
          <p14:tracePt t="74390" x="5675313" y="4478338"/>
          <p14:tracePt t="74403" x="5667375" y="4478338"/>
          <p14:tracePt t="74417" x="5657850" y="4478338"/>
          <p14:tracePt t="74453" x="5649913" y="4478338"/>
          <p14:tracePt t="74466" x="5641975" y="4478338"/>
          <p14:tracePt t="74501" x="5632450" y="4478338"/>
          <p14:tracePt t="74514" x="5624513" y="4478338"/>
          <p14:tracePt t="74528" x="5616575" y="4478338"/>
          <p14:tracePt t="74549" x="5607050" y="4478338"/>
          <p14:tracePt t="74556" x="5599113" y="4486275"/>
          <p14:tracePt t="74570" x="5591175" y="4486275"/>
          <p14:tracePt t="74576" x="5581650" y="4486275"/>
          <p14:tracePt t="74590" x="5573713" y="4495800"/>
          <p14:tracePt t="74604" x="5565775" y="4495800"/>
          <p14:tracePt t="74611" x="5556250" y="4503738"/>
          <p14:tracePt t="74625" x="5548313" y="4503738"/>
          <p14:tracePt t="74640" x="5538788" y="4513263"/>
          <p14:tracePt t="74646" x="5530850" y="4513263"/>
          <p14:tracePt t="74659" x="5522913" y="4521200"/>
          <p14:tracePt t="74681" x="5513388" y="4521200"/>
          <p14:tracePt t="74791" x="5513388" y="4513263"/>
          <p14:tracePt t="74812" x="5522913" y="4513263"/>
          <p14:tracePt t="74819" x="5522913" y="4503738"/>
          <p14:tracePt t="74853" x="5522913" y="4495800"/>
          <p14:tracePt t="74867" x="5530850" y="4486275"/>
          <p14:tracePt t="74888" x="5538788" y="4486275"/>
          <p14:tracePt t="74895" x="5538788" y="4478338"/>
          <p14:tracePt t="74902" x="5538788" y="4470400"/>
          <p14:tracePt t="74916" x="5538788" y="4460875"/>
          <p14:tracePt t="74923" x="5538788" y="4452938"/>
          <p14:tracePt t="74930" x="5538788" y="4445000"/>
          <p14:tracePt t="74937" x="5538788" y="4410075"/>
          <p14:tracePt t="74943" x="5530850" y="4384675"/>
          <p14:tracePt t="74950" x="5513388" y="4351338"/>
          <p14:tracePt t="74957" x="5480050" y="4300538"/>
          <p14:tracePt t="74964" x="5437188" y="4240213"/>
          <p14:tracePt t="74972" x="5411788" y="4197350"/>
          <p14:tracePt t="74978" x="5335588" y="4130675"/>
          <p14:tracePt t="74985" x="5224463" y="4027488"/>
          <p14:tracePt t="74992" x="5183188" y="3976688"/>
          <p14:tracePt t="75000" x="5003800" y="3849688"/>
          <p14:tracePt t="75008" x="4978400" y="3824288"/>
          <p14:tracePt t="75015" x="4970463" y="3806825"/>
          <p14:tracePt t="75031" x="4962525" y="3798888"/>
          <p14:tracePt t="75040" x="4962525" y="3790950"/>
          <p14:tracePt t="75055" x="4962525" y="3781425"/>
          <p14:tracePt t="75070" x="4953000" y="3781425"/>
          <p14:tracePt t="75098" x="4953000" y="3773488"/>
          <p14:tracePt t="75113" x="4953000" y="3763963"/>
          <p14:tracePt t="75128" x="4953000" y="3756025"/>
          <p14:tracePt t="75136" x="4953000" y="3748088"/>
          <p14:tracePt t="75144" x="4953000" y="3738563"/>
          <p14:tracePt t="75173" x="4953000" y="3730625"/>
          <p14:tracePt t="75209" x="4953000" y="3722688"/>
          <p14:tracePt t="75246" x="4978400" y="3722688"/>
          <p14:tracePt t="75253" x="5003800" y="3722688"/>
          <p14:tracePt t="75266" x="5021263" y="3722688"/>
          <p14:tracePt t="75272" x="5122863" y="3756025"/>
          <p14:tracePt t="75278" x="5157788" y="3756025"/>
          <p14:tracePt t="75285" x="5165725" y="3756025"/>
          <p14:tracePt t="75298" x="5173663" y="3756025"/>
          <p14:tracePt t="75304" x="5183188" y="3748088"/>
          <p14:tracePt t="75338" x="5183188" y="3738563"/>
          <p14:tracePt t="75352" x="5183188" y="3730625"/>
          <p14:tracePt t="75380" x="5183188" y="3722688"/>
          <p14:tracePt t="75387" x="5183188" y="3713163"/>
          <p14:tracePt t="75401" x="5183188" y="3705225"/>
          <p14:tracePt t="75421" x="5183188" y="3697288"/>
          <p14:tracePt t="75428" x="5183188" y="3687763"/>
          <p14:tracePt t="75450" x="5183188" y="3679825"/>
          <p14:tracePt t="75455" x="5191125" y="3679825"/>
          <p14:tracePt t="75463" x="5191125" y="3671888"/>
          <p14:tracePt t="75476" x="5199063" y="3662363"/>
          <p14:tracePt t="75483" x="5199063" y="3654425"/>
          <p14:tracePt t="75491" x="5199063" y="3646488"/>
          <p14:tracePt t="75518" x="5199063" y="3636963"/>
          <p14:tracePt t="75532" x="5208588" y="3636963"/>
          <p14:tracePt t="75595" x="5216525" y="3636963"/>
          <p14:tracePt t="75653" x="5216525" y="3646488"/>
          <p14:tracePt t="75656" x="5216525" y="3654425"/>
          <p14:tracePt t="75669" x="5216525" y="3662363"/>
          <p14:tracePt t="75683" x="5216525" y="3671888"/>
          <p14:tracePt t="75690" x="5216525" y="3679825"/>
          <p14:tracePt t="75697" x="5216525" y="3687763"/>
          <p14:tracePt t="75704" x="5216525" y="3697288"/>
          <p14:tracePt t="75711" x="5224463" y="3705225"/>
          <p14:tracePt t="75719" x="5216525" y="3705225"/>
          <p14:tracePt t="75725" x="5114925" y="3679825"/>
          <p14:tracePt t="75732" x="5173663" y="3730625"/>
          <p14:tracePt t="75740" x="5394325" y="3883025"/>
          <p14:tracePt t="75746" x="5403850" y="3892550"/>
          <p14:tracePt t="75753" x="5411788" y="3892550"/>
          <p14:tracePt t="75759" x="5411788" y="3900488"/>
          <p14:tracePt t="75767" x="5421313" y="3908425"/>
          <p14:tracePt t="75773" x="5429250" y="3908425"/>
          <p14:tracePt t="75781" x="5429250" y="3917950"/>
          <p14:tracePt t="75787" x="5429250" y="3925888"/>
          <p14:tracePt t="75794" x="5437188" y="3935413"/>
          <p14:tracePt t="75801" x="5446713" y="3935413"/>
          <p14:tracePt t="75807" x="5454650" y="3935413"/>
          <p14:tracePt t="75816" x="5454650" y="3943350"/>
          <p14:tracePt t="75837" x="5462588" y="3943350"/>
          <p14:tracePt t="75844" x="5472113" y="3943350"/>
          <p14:tracePt t="75851" x="5472113" y="3951288"/>
          <p14:tracePt t="75858" x="5480050" y="3951288"/>
          <p14:tracePt t="75863" x="5487988" y="3951288"/>
          <p14:tracePt t="75870" x="5497513" y="3951288"/>
          <p14:tracePt t="75877" x="5505450" y="3960813"/>
          <p14:tracePt t="75892" x="5522913" y="3968750"/>
          <p14:tracePt t="75898" x="5530850" y="3968750"/>
          <p14:tracePt t="75906" x="5556250" y="3986213"/>
          <p14:tracePt t="75911" x="5573713" y="3994150"/>
          <p14:tracePt t="75919" x="5581650" y="3994150"/>
          <p14:tracePt t="75925" x="5599113" y="4002088"/>
          <p14:tracePt t="75932" x="5616575" y="4002088"/>
          <p14:tracePt t="75939" x="5616575" y="4011613"/>
          <p14:tracePt t="75946" x="5632450" y="4019550"/>
          <p14:tracePt t="75953" x="5641975" y="4019550"/>
          <p14:tracePt t="75960" x="5641975" y="4027488"/>
          <p14:tracePt t="75967" x="5657850" y="4027488"/>
          <p14:tracePt t="75974" x="5667375" y="4027488"/>
          <p14:tracePt t="75981" x="5667375" y="4037013"/>
          <p14:tracePt t="75987" x="5675313" y="4037013"/>
          <p14:tracePt t="75994" x="5683250" y="4044950"/>
          <p14:tracePt t="76008" x="5692775" y="4052888"/>
          <p14:tracePt t="76016" x="5700713" y="4052888"/>
          <p14:tracePt t="76023" x="5700713" y="4062413"/>
          <p14:tracePt t="76029" x="5700713" y="4070350"/>
          <p14:tracePt t="76036" x="5708650" y="4070350"/>
          <p14:tracePt t="76043" x="5718175" y="4079875"/>
          <p14:tracePt t="76050" x="5726113" y="4079875"/>
          <p14:tracePt t="76056" x="5735638" y="4087813"/>
          <p14:tracePt t="76063" x="5743575" y="4087813"/>
          <p14:tracePt t="76071" x="5751513" y="4095750"/>
          <p14:tracePt t="76077" x="5761038" y="4095750"/>
          <p14:tracePt t="76085" x="5768975" y="4105275"/>
          <p14:tracePt t="76091" x="5776913" y="4113213"/>
          <p14:tracePt t="76098" x="5786438" y="4113213"/>
          <p14:tracePt t="76107" x="5794375" y="4121150"/>
          <p14:tracePt t="76112" x="5802313" y="4121150"/>
          <p14:tracePt t="76119" x="5811838" y="4138613"/>
          <p14:tracePt t="76126" x="5819775" y="4138613"/>
          <p14:tracePt t="76133" x="5837238" y="4156075"/>
          <p14:tracePt t="76141" x="5862638" y="4164013"/>
          <p14:tracePt t="76147" x="5880100" y="4181475"/>
          <p14:tracePt t="76154" x="5905500" y="4197350"/>
          <p14:tracePt t="76161" x="5913438" y="4206875"/>
          <p14:tracePt t="76168" x="5946775" y="4224338"/>
          <p14:tracePt t="76174" x="5972175" y="4249738"/>
          <p14:tracePt t="76182" x="5997575" y="4265613"/>
          <p14:tracePt t="76190" x="6015038" y="4283075"/>
          <p14:tracePt t="76195" x="6040438" y="4308475"/>
          <p14:tracePt t="76202" x="6057900" y="4325938"/>
          <p14:tracePt t="76209" x="6075363" y="4333875"/>
          <p14:tracePt t="76216" x="6091238" y="4359275"/>
          <p14:tracePt t="76224" x="6108700" y="4376738"/>
          <p14:tracePt t="76230" x="6134100" y="4402138"/>
          <p14:tracePt t="76237" x="6151563" y="4419600"/>
          <p14:tracePt t="76243" x="6176963" y="4445000"/>
          <p14:tracePt t="76250" x="6210300" y="4470400"/>
          <p14:tracePt t="76257" x="6235700" y="4495800"/>
          <p14:tracePt t="76264" x="6261100" y="4521200"/>
          <p14:tracePt t="76272" x="6296025" y="4538663"/>
          <p14:tracePt t="76278" x="6321425" y="4564063"/>
          <p14:tracePt t="76285" x="6354763" y="4589463"/>
          <p14:tracePt t="76292" x="6380163" y="4605338"/>
          <p14:tracePt t="76298" x="6405563" y="4622800"/>
          <p14:tracePt t="76306" x="6423025" y="4630738"/>
          <p14:tracePt t="76313" x="6448425" y="4648200"/>
          <p14:tracePt t="76320" x="6473825" y="4673600"/>
          <p14:tracePt t="76326" x="6491288" y="4683125"/>
          <p14:tracePt t="76333" x="6516688" y="4699000"/>
          <p14:tracePt t="76341" x="6534150" y="4716463"/>
          <p14:tracePt t="76347" x="6550025" y="4724400"/>
          <p14:tracePt t="76354" x="6567488" y="4724400"/>
          <p14:tracePt t="76361" x="6584950" y="4741863"/>
          <p14:tracePt t="76368" x="6592888" y="4749800"/>
          <p14:tracePt t="76375" x="6600825" y="4759325"/>
          <p14:tracePt t="76382" x="6600825" y="4767263"/>
          <p14:tracePt t="76390" x="6610350" y="4767263"/>
          <p14:tracePt t="76396" x="6610350" y="4775200"/>
          <p14:tracePt t="76403" x="6618288" y="4775200"/>
          <p14:tracePt t="76410" x="6618288" y="4784725"/>
          <p14:tracePt t="76417" x="6626225" y="4784725"/>
          <p14:tracePt t="76424" x="6626225" y="4792663"/>
          <p14:tracePt t="76437" x="6635750" y="4802188"/>
          <p14:tracePt t="76451" x="6635750" y="4810125"/>
          <p14:tracePt t="76472" x="6643688" y="4818063"/>
          <p14:tracePt t="76479" x="6643688" y="4827588"/>
          <p14:tracePt t="76486" x="6653213" y="4827588"/>
          <p14:tracePt t="76499" x="6653213" y="4835525"/>
          <p14:tracePt t="76506" x="6653213" y="4843463"/>
          <p14:tracePt t="76513" x="6661150" y="4843463"/>
          <p14:tracePt t="76534" x="6669088" y="4852988"/>
          <p14:tracePt t="76548" x="6678613" y="4860925"/>
          <p14:tracePt t="76569" x="6678613" y="4868863"/>
          <p14:tracePt t="76597" x="6678613" y="4878388"/>
          <p14:tracePt t="76618" x="6678613" y="4886325"/>
          <p14:tracePt t="76666" x="6686550" y="4886325"/>
          <p14:tracePt t="76694" x="6686550" y="4894263"/>
          <p14:tracePt t="76714" x="6694488" y="4903788"/>
          <p14:tracePt t="76736" x="6694488" y="4911725"/>
          <p14:tracePt t="76749" x="6704013" y="4911725"/>
          <p14:tracePt t="76763" x="6711950" y="4919663"/>
          <p14:tracePt t="76777" x="6719888" y="4929188"/>
          <p14:tracePt t="76792" x="6719888" y="4937125"/>
          <p14:tracePt t="76797" x="6729413" y="4937125"/>
          <p14:tracePt t="76804" x="6737350" y="4946650"/>
          <p14:tracePt t="76811" x="6737350" y="4954588"/>
          <p14:tracePt t="76825" x="6745288" y="4954588"/>
          <p14:tracePt t="76832" x="6754813" y="4962525"/>
          <p14:tracePt t="76840" x="6762750" y="4972050"/>
          <p14:tracePt t="76853" x="6762750" y="4979988"/>
          <p14:tracePt t="76859" x="6770688" y="4987925"/>
          <p14:tracePt t="76874" x="6780213" y="4997450"/>
          <p14:tracePt t="76891" x="6780213" y="5005388"/>
          <p14:tracePt t="76894" x="6788150" y="5013325"/>
          <p14:tracePt t="76901" x="6797675" y="5013325"/>
          <p14:tracePt t="76914" x="6797675" y="5022850"/>
          <p14:tracePt t="76925" x="6797675" y="5030788"/>
          <p14:tracePt t="76929" x="6805613" y="5038725"/>
          <p14:tracePt t="76944" x="6805613" y="5048250"/>
          <p14:tracePt t="76950" x="6813550" y="5048250"/>
          <p14:tracePt t="76957" x="6813550" y="5056188"/>
          <p14:tracePt t="76963" x="6823075" y="5056188"/>
          <p14:tracePt t="76971" x="6823075" y="5064125"/>
          <p14:tracePt t="76977" x="6823075" y="5073650"/>
          <p14:tracePt t="76985" x="6823075" y="5081588"/>
          <p14:tracePt t="76991" x="6831013" y="5081588"/>
          <p14:tracePt t="76999" x="6831013" y="5091113"/>
          <p14:tracePt t="77011" x="6838950" y="5099050"/>
          <p14:tracePt t="77025" x="6838950" y="5106988"/>
          <p14:tracePt t="77033" x="6838950" y="5116513"/>
          <p14:tracePt t="77046" x="6848475" y="5116513"/>
          <p14:tracePt t="77053" x="6848475" y="5124450"/>
          <p14:tracePt t="77059" x="6856413" y="5124450"/>
          <p14:tracePt t="77066" x="6856413" y="5132388"/>
          <p14:tracePt t="77073" x="6864350" y="5132388"/>
          <p14:tracePt t="77087" x="6864350" y="5141913"/>
          <p14:tracePt t="77108" x="6873875" y="5141913"/>
          <p14:tracePt t="77115" x="6873875" y="5149850"/>
          <p14:tracePt t="77129" x="6881813" y="5157788"/>
          <p14:tracePt t="78900" x="6873875" y="5157788"/>
          <p14:tracePt t="78935" x="6864350" y="5157788"/>
          <p14:tracePt t="78956" x="6856413" y="5157788"/>
          <p14:tracePt t="79213" x="6848475" y="5157788"/>
          <p14:tracePt t="79302" x="6838950" y="5157788"/>
          <p14:tracePt t="79337" x="6831013" y="5157788"/>
          <p14:tracePt t="79377" x="6823075" y="5157788"/>
          <p14:tracePt t="79391" x="6813550" y="5157788"/>
          <p14:tracePt t="79412" x="6805613" y="5157788"/>
          <p14:tracePt t="79835" x="6805613" y="5149850"/>
          <p14:tracePt t="79842" x="6797675" y="5149850"/>
          <p14:tracePt t="79848" x="6797675" y="5141913"/>
          <p14:tracePt t="79856" x="6788150" y="5132388"/>
          <p14:tracePt t="79876" x="6788150" y="5124450"/>
          <p14:tracePt t="79906" x="6788150" y="5116513"/>
          <p14:tracePt t="79945" x="6797675" y="5116513"/>
          <p14:tracePt t="80008" x="6805613" y="5116513"/>
          <p14:tracePt t="80034" x="6813550" y="5116513"/>
          <p14:tracePt t="80077" x="6823075" y="5116513"/>
          <p14:tracePt t="80113" x="6831013" y="5116513"/>
          <p14:tracePt t="80139" x="6838950" y="5116513"/>
          <p14:tracePt t="80181" x="6848475" y="5116513"/>
          <p14:tracePt t="80194" x="6856413" y="5116513"/>
          <p14:tracePt t="80236" x="6864350" y="5116513"/>
          <p14:tracePt t="80270" x="6873875" y="5116513"/>
          <p14:tracePt t="80297" x="6873875" y="5106988"/>
          <p14:tracePt t="80318" x="6873875" y="5099050"/>
          <p14:tracePt t="80324" x="6873875" y="5091113"/>
          <p14:tracePt t="80331" x="6873875" y="5081588"/>
          <p14:tracePt t="80338" x="6856413" y="5064125"/>
          <p14:tracePt t="80346" x="6848475" y="5038725"/>
          <p14:tracePt t="80353" x="6823075" y="5013325"/>
          <p14:tracePt t="80359" x="6788150" y="4979988"/>
          <p14:tracePt t="80366" x="6770688" y="4954588"/>
          <p14:tracePt t="80373" x="6729413" y="4929188"/>
          <p14:tracePt t="80381" x="6694488" y="4886325"/>
          <p14:tracePt t="80388" x="6643688" y="4835525"/>
          <p14:tracePt t="80394" x="6559550" y="4767263"/>
          <p14:tracePt t="80401" x="6483350" y="4691063"/>
          <p14:tracePt t="80408" x="6405563" y="4622800"/>
          <p14:tracePt t="80415" x="6321425" y="4554538"/>
          <p14:tracePt t="80422" x="6270625" y="4486275"/>
          <p14:tracePt t="80429" x="6202363" y="4445000"/>
          <p14:tracePt t="80436" x="6151563" y="4402138"/>
          <p14:tracePt t="80442" x="6116638" y="4376738"/>
          <p14:tracePt t="80449" x="6091238" y="4351338"/>
          <p14:tracePt t="80457" x="6065838" y="4333875"/>
          <p14:tracePt t="80463" x="6049963" y="4316413"/>
          <p14:tracePt t="80472" x="6024563" y="4300538"/>
          <p14:tracePt t="80477" x="6007100" y="4300538"/>
          <p14:tracePt t="80484" x="5997575" y="4291013"/>
          <p14:tracePt t="80498" x="5997575" y="4283075"/>
          <p14:tracePt t="80505" x="5989638" y="4283075"/>
          <p14:tracePt t="80532" x="6007100" y="4283075"/>
          <p14:tracePt t="80539" x="6032500" y="4291013"/>
          <p14:tracePt t="80546" x="6075363" y="4291013"/>
          <p14:tracePt t="80555" x="6142038" y="4291013"/>
          <p14:tracePt t="80560" x="6210300" y="4291013"/>
          <p14:tracePt t="80566" x="6286500" y="4300538"/>
          <p14:tracePt t="80573" x="6219825" y="4300538"/>
          <p14:tracePt t="80789" x="6015038" y="4027488"/>
          <p14:tracePt t="80796" x="5786438" y="3781425"/>
          <p14:tracePt t="80803" x="5624513" y="3578225"/>
          <p14:tracePt t="80810" x="5530850" y="3449638"/>
          <p14:tracePt t="80817" x="5446713" y="3355975"/>
          <p14:tracePt t="80824" x="5403850" y="3305175"/>
          <p14:tracePt t="80831" x="5360988" y="3254375"/>
          <p14:tracePt t="80840" x="5327650" y="3211513"/>
          <p14:tracePt t="80844" x="5310188" y="3203575"/>
          <p14:tracePt t="80851" x="5302250" y="3186113"/>
          <p14:tracePt t="80858" x="5302250" y="3178175"/>
          <p14:tracePt t="80865" x="5292725" y="3170238"/>
          <p14:tracePt t="80879" x="5292725" y="3160713"/>
          <p14:tracePt t="80890" x="5292725" y="3152775"/>
          <p14:tracePt t="80920" x="5292725" y="3144838"/>
          <p14:tracePt t="80934" x="5292725" y="3135313"/>
          <p14:tracePt t="80955" x="5292725" y="3127375"/>
          <p14:tracePt t="80968" x="5284788" y="3127375"/>
          <p14:tracePt t="80975" x="5249863" y="3101975"/>
          <p14:tracePt t="80983" x="5199063" y="3059113"/>
          <p14:tracePt t="80991" x="5122863" y="2982913"/>
          <p14:tracePt t="80997" x="4995863" y="2855913"/>
          <p14:tracePt t="81008" x="4638675" y="2582863"/>
          <p14:tracePt t="81013" x="4230688" y="2227263"/>
          <p14:tracePt t="81018" x="3873500" y="1928813"/>
          <p14:tracePt t="81024" x="3551238" y="1708150"/>
          <p14:tracePt t="81031" x="3186113" y="1470025"/>
          <p14:tracePt t="81041" x="2786063" y="1231900"/>
          <p14:tracePt t="81044" x="2481263" y="1069975"/>
          <p14:tracePt t="81405" x="2301875" y="952500"/>
          <p14:tracePt t="81411" x="2149475" y="841375"/>
          <p14:tracePt t="81418" x="2012950" y="773113"/>
          <p14:tracePt t="81425" x="1928813" y="714375"/>
          <p14:tracePt t="81432" x="1817688" y="654050"/>
          <p14:tracePt t="81440" x="1741488" y="595313"/>
          <p14:tracePt t="81446" x="1690688" y="560388"/>
          <p14:tracePt t="81453" x="1639888" y="527050"/>
          <p14:tracePt t="81459" x="1614488" y="509588"/>
          <p14:tracePt t="81467" x="1606550" y="484188"/>
          <p14:tracePt t="81476" x="1597025" y="484188"/>
          <p14:tracePt t="81480" x="1579563" y="466725"/>
          <p14:tracePt t="81490" x="1571625" y="458788"/>
          <p14:tracePt t="81494" x="1571625" y="450850"/>
          <p14:tracePt t="81501" x="1554163" y="441325"/>
          <p14:tracePt t="81515" x="1546225" y="433388"/>
          <p14:tracePt t="81523" x="1538288" y="433388"/>
          <p14:tracePt t="81529" x="1528763" y="425450"/>
          <p14:tracePt t="81536" x="1520825" y="415925"/>
          <p14:tracePt t="81542" x="1512888" y="407988"/>
          <p14:tracePt t="81550" x="1487488" y="400050"/>
          <p14:tracePt t="81558" x="1470025" y="374650"/>
          <p14:tracePt t="81564" x="1435100" y="357188"/>
          <p14:tracePt t="81572" x="1384300" y="322263"/>
          <p14:tracePt t="81577" x="1333500" y="296863"/>
          <p14:tracePt t="81584" x="1274763" y="263525"/>
          <p14:tracePt t="81590" x="1214438" y="230188"/>
          <p14:tracePt t="81597" x="1147763" y="212725"/>
          <p14:tracePt t="81606" x="1104900" y="195263"/>
          <p14:tracePt t="81611" x="1054100" y="161925"/>
          <p14:tracePt t="81619" x="1003300" y="144463"/>
          <p14:tracePt t="81625" x="942975" y="127000"/>
          <p14:tracePt t="81632" x="892175" y="93663"/>
          <p14:tracePt t="81639" x="841375" y="68263"/>
          <p14:tracePt t="81646" x="781050" y="33338"/>
          <p14:tracePt t="81654" x="730250" y="0"/>
        </p14:tracePtLst>
      </p14:laserTraceLst>
    </p:ext>
  </p:extLs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1BBC0CE-EF11-458E-95C5-52DB03DBAFE5}"/>
              </a:ext>
            </a:extLst>
          </p:cNvPr>
          <p:cNvSpPr>
            <a:spLocks noGrp="1"/>
          </p:cNvSpPr>
          <p:nvPr>
            <p:ph type="title"/>
          </p:nvPr>
        </p:nvSpPr>
        <p:spPr>
          <a:xfrm>
            <a:off x="982638" y="426127"/>
            <a:ext cx="10104462" cy="972716"/>
          </a:xfrm>
        </p:spPr>
        <p:txBody>
          <a:bodyPr/>
          <a:lstStyle/>
          <a:p>
            <a:r>
              <a:rPr lang="en-US" dirty="0"/>
              <a:t>Results – Single probe </a:t>
            </a:r>
            <a:endParaRPr lang="en-DK" dirty="0"/>
          </a:p>
        </p:txBody>
      </p:sp>
      <p:sp>
        <p:nvSpPr>
          <p:cNvPr id="4" name="Footer Placeholder 3">
            <a:extLst>
              <a:ext uri="{FF2B5EF4-FFF2-40B4-BE49-F238E27FC236}">
                <a16:creationId xmlns:a16="http://schemas.microsoft.com/office/drawing/2014/main" id="{E590B649-BA51-4EEE-B96A-6F282160FD19}"/>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2F155EFC-E843-4A4D-826B-9AB772E18D0D}"/>
              </a:ext>
            </a:extLst>
          </p:cNvPr>
          <p:cNvSpPr>
            <a:spLocks noGrp="1"/>
          </p:cNvSpPr>
          <p:nvPr>
            <p:ph type="sldNum" sz="quarter" idx="11"/>
          </p:nvPr>
        </p:nvSpPr>
        <p:spPr/>
        <p:txBody>
          <a:bodyPr/>
          <a:lstStyle/>
          <a:p>
            <a:fld id="{103EA872-A674-449B-A120-B97244F8E91D}" type="slidenum">
              <a:rPr lang="en-GB" smtClean="0"/>
              <a:pPr/>
              <a:t>5</a:t>
            </a:fld>
            <a:endParaRPr lang="en-GB" dirty="0"/>
          </a:p>
        </p:txBody>
      </p:sp>
      <p:sp>
        <p:nvSpPr>
          <p:cNvPr id="17" name="Content Placeholder 16">
            <a:extLst>
              <a:ext uri="{FF2B5EF4-FFF2-40B4-BE49-F238E27FC236}">
                <a16:creationId xmlns:a16="http://schemas.microsoft.com/office/drawing/2014/main" id="{7C306603-502A-4CF4-9119-138AC4C99404}"/>
              </a:ext>
            </a:extLst>
          </p:cNvPr>
          <p:cNvSpPr>
            <a:spLocks noGrp="1"/>
          </p:cNvSpPr>
          <p:nvPr>
            <p:ph idx="1"/>
          </p:nvPr>
        </p:nvSpPr>
        <p:spPr>
          <a:xfrm>
            <a:off x="982638" y="1706328"/>
            <a:ext cx="10104462" cy="4545578"/>
          </a:xfrm>
        </p:spPr>
        <p:txBody>
          <a:bodyPr/>
          <a:lstStyle/>
          <a:p>
            <a:r>
              <a:rPr lang="en-US" dirty="0"/>
              <a:t>Dissipated power:</a:t>
            </a:r>
          </a:p>
          <a:p>
            <a:pPr marL="0" indent="0">
              <a:buNone/>
            </a:pPr>
            <a:endParaRPr lang="en-US" dirty="0"/>
          </a:p>
          <a:p>
            <a:r>
              <a:rPr lang="en-US" dirty="0"/>
              <a:t>Amplitude:</a:t>
            </a:r>
          </a:p>
          <a:p>
            <a:endParaRPr lang="en-US" dirty="0"/>
          </a:p>
          <a:p>
            <a:r>
              <a:rPr lang="en-US" dirty="0"/>
              <a:t>Phase:</a:t>
            </a:r>
            <a:endParaRPr lang="en-DK" dirty="0"/>
          </a:p>
        </p:txBody>
      </p:sp>
      <p:pic>
        <p:nvPicPr>
          <p:cNvPr id="33" name="Picture 32" descr="A screenshot of a cell phone&#10;&#10;Description automatically generated">
            <a:extLst>
              <a:ext uri="{FF2B5EF4-FFF2-40B4-BE49-F238E27FC236}">
                <a16:creationId xmlns:a16="http://schemas.microsoft.com/office/drawing/2014/main" id="{0BEF0F35-CF94-4D27-80D7-DE833A49DA15}"/>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766614" y="3453009"/>
            <a:ext cx="4351758" cy="3088191"/>
          </a:xfrm>
          <a:prstGeom prst="rect">
            <a:avLst/>
          </a:prstGeom>
        </p:spPr>
      </p:pic>
      <p:pic>
        <p:nvPicPr>
          <p:cNvPr id="35" name="Picture 34" descr="A close up of a map&#10;&#10;Description automatically generated">
            <a:extLst>
              <a:ext uri="{FF2B5EF4-FFF2-40B4-BE49-F238E27FC236}">
                <a16:creationId xmlns:a16="http://schemas.microsoft.com/office/drawing/2014/main" id="{DF2D9D5B-5E5A-4BA8-B5A9-DAF4B8862FF5}"/>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7337370" y="3429000"/>
            <a:ext cx="4320480" cy="3065995"/>
          </a:xfrm>
          <a:prstGeom prst="rect">
            <a:avLst/>
          </a:prstGeom>
        </p:spPr>
      </p:pic>
      <p:pic>
        <p:nvPicPr>
          <p:cNvPr id="37" name="Picture 36" descr="A close up of a map&#10;&#10;Description automatically generated">
            <a:extLst>
              <a:ext uri="{FF2B5EF4-FFF2-40B4-BE49-F238E27FC236}">
                <a16:creationId xmlns:a16="http://schemas.microsoft.com/office/drawing/2014/main" id="{AB9334B3-7170-4368-8F9A-DCFAC1D5B6D2}"/>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7367156" y="173330"/>
            <a:ext cx="4320480" cy="3065995"/>
          </a:xfrm>
          <a:prstGeom prst="rect">
            <a:avLst/>
          </a:prstGeom>
        </p:spPr>
      </p:pic>
      <mc:AlternateContent xmlns:mc="http://schemas.openxmlformats.org/markup-compatibility/2006">
        <mc:Choice xmlns:a14="http://schemas.microsoft.com/office/drawing/2010/main" Requires="a14">
          <p:sp>
            <p:nvSpPr>
              <p:cNvPr id="39" name="TextBox 38">
                <a:extLst>
                  <a:ext uri="{FF2B5EF4-FFF2-40B4-BE49-F238E27FC236}">
                    <a16:creationId xmlns:a16="http://schemas.microsoft.com/office/drawing/2014/main" id="{82DD84CD-3521-4CFE-B442-9477968F95DA}"/>
                  </a:ext>
                </a:extLst>
              </p:cNvPr>
              <p:cNvSpPr txBox="1"/>
              <p:nvPr/>
            </p:nvSpPr>
            <p:spPr>
              <a:xfrm>
                <a:off x="3286894" y="1556792"/>
                <a:ext cx="2966407" cy="461024"/>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left"/>
                    </m:oMathParaPr>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𝐽</m:t>
                          </m:r>
                        </m:e>
                        <m:sub>
                          <m:r>
                            <a:rPr lang="en-US" b="0" i="1" smtClean="0">
                              <a:latin typeface="Cambria Math" panose="02040503050406030204" pitchFamily="18" charset="0"/>
                            </a:rPr>
                            <m:t>𝑞</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𝑡</m:t>
                          </m:r>
                        </m:e>
                      </m:d>
                      <m:r>
                        <a:rPr lang="en-US" b="0" i="1" smtClean="0">
                          <a:latin typeface="Cambria Math" panose="02040503050406030204" pitchFamily="18" charset="0"/>
                        </a:rPr>
                        <m:t>=</m:t>
                      </m:r>
                      <m:f>
                        <m:fPr>
                          <m:ctrlPr>
                            <a:rPr lang="en-US" i="1">
                              <a:latin typeface="Cambria Math" panose="02040503050406030204" pitchFamily="18" charset="0"/>
                            </a:rPr>
                          </m:ctrlPr>
                        </m:fPr>
                        <m:num>
                          <m:sSub>
                            <m:sSubPr>
                              <m:ctrlPr>
                                <a:rPr lang="en-US" i="1">
                                  <a:latin typeface="Cambria Math" panose="02040503050406030204" pitchFamily="18" charset="0"/>
                                </a:rPr>
                              </m:ctrlPr>
                            </m:sSubPr>
                            <m:e>
                              <m:r>
                                <a:rPr lang="en-US" i="1">
                                  <a:latin typeface="Cambria Math" panose="02040503050406030204" pitchFamily="18" charset="0"/>
                                </a:rPr>
                                <m:t>𝑃</m:t>
                              </m:r>
                            </m:e>
                            <m:sub>
                              <m:r>
                                <a:rPr lang="en-US" i="1">
                                  <a:latin typeface="Cambria Math" panose="02040503050406030204" pitchFamily="18" charset="0"/>
                                </a:rPr>
                                <m:t>0</m:t>
                              </m:r>
                            </m:sub>
                          </m:sSub>
                        </m:num>
                        <m:den>
                          <m:r>
                            <a:rPr lang="en-US" b="0" i="1" smtClean="0">
                              <a:latin typeface="Cambria Math" panose="02040503050406030204" pitchFamily="18" charset="0"/>
                            </a:rPr>
                            <m:t>2</m:t>
                          </m:r>
                          <m:r>
                            <a:rPr lang="en-US" i="1">
                              <a:latin typeface="Cambria Math" panose="02040503050406030204" pitchFamily="18" charset="0"/>
                            </a:rPr>
                            <m:t>𝜋</m:t>
                          </m:r>
                          <m:sSup>
                            <m:sSupPr>
                              <m:ctrlPr>
                                <a:rPr lang="en-US" i="1">
                                  <a:latin typeface="Cambria Math" panose="02040503050406030204" pitchFamily="18" charset="0"/>
                                </a:rPr>
                              </m:ctrlPr>
                            </m:sSupPr>
                            <m:e>
                              <m:r>
                                <a:rPr lang="en-US" i="1">
                                  <a:latin typeface="Cambria Math" panose="02040503050406030204" pitchFamily="18" charset="0"/>
                                </a:rPr>
                                <m:t>𝑎</m:t>
                              </m:r>
                            </m:e>
                            <m:sup>
                              <m:r>
                                <a:rPr lang="en-US" i="1">
                                  <a:latin typeface="Cambria Math" panose="02040503050406030204" pitchFamily="18" charset="0"/>
                                </a:rPr>
                                <m:t>2</m:t>
                              </m:r>
                            </m:sup>
                          </m:sSup>
                        </m:den>
                      </m:f>
                      <m:func>
                        <m:funcPr>
                          <m:ctrlPr>
                            <a:rPr lang="en-US" i="1">
                              <a:latin typeface="Cambria Math" panose="02040503050406030204" pitchFamily="18" charset="0"/>
                            </a:rPr>
                          </m:ctrlPr>
                        </m:funcPr>
                        <m:fName>
                          <m:sSup>
                            <m:sSupPr>
                              <m:ctrlPr>
                                <a:rPr lang="en-US" b="0" i="1" smtClean="0">
                                  <a:latin typeface="Cambria Math" panose="02040503050406030204" pitchFamily="18" charset="0"/>
                                </a:rPr>
                              </m:ctrlPr>
                            </m:sSupPr>
                            <m:e>
                              <m:r>
                                <m:rPr>
                                  <m:sty m:val="p"/>
                                </m:rPr>
                                <a:rPr lang="en-US" b="0" i="0" smtClean="0">
                                  <a:latin typeface="Cambria Math" panose="02040503050406030204" pitchFamily="18" charset="0"/>
                                </a:rPr>
                                <m:t>sin</m:t>
                              </m:r>
                            </m:e>
                            <m:sup>
                              <m:r>
                                <a:rPr lang="en-US" b="0" i="0" smtClean="0">
                                  <a:latin typeface="Cambria Math" panose="02040503050406030204" pitchFamily="18" charset="0"/>
                                </a:rPr>
                                <m:t>2</m:t>
                              </m:r>
                            </m:sup>
                          </m:sSup>
                        </m:fName>
                        <m:e>
                          <m:r>
                            <a:rPr lang="en-US" i="1">
                              <a:latin typeface="Cambria Math" panose="02040503050406030204" pitchFamily="18" charset="0"/>
                            </a:rPr>
                            <m:t>(</m:t>
                          </m:r>
                          <m:sSub>
                            <m:sSubPr>
                              <m:ctrlPr>
                                <a:rPr lang="en-US" i="1">
                                  <a:latin typeface="Cambria Math" panose="02040503050406030204" pitchFamily="18" charset="0"/>
                                </a:rPr>
                              </m:ctrlPr>
                            </m:sSubPr>
                            <m:e>
                              <m:r>
                                <a:rPr lang="en-US" i="1">
                                  <a:latin typeface="Cambria Math" panose="02040503050406030204" pitchFamily="18" charset="0"/>
                                </a:rPr>
                                <m:t>𝜔</m:t>
                              </m:r>
                            </m:e>
                            <m:sub>
                              <m:r>
                                <a:rPr lang="en-US" i="1">
                                  <a:latin typeface="Cambria Math" panose="02040503050406030204" pitchFamily="18" charset="0"/>
                                </a:rPr>
                                <m:t>0</m:t>
                              </m:r>
                            </m:sub>
                          </m:sSub>
                          <m:r>
                            <a:rPr lang="en-US" i="1">
                              <a:latin typeface="Cambria Math" panose="02040503050406030204" pitchFamily="18" charset="0"/>
                            </a:rPr>
                            <m:t>𝑡</m:t>
                          </m:r>
                          <m:r>
                            <a:rPr lang="en-US" i="1">
                              <a:latin typeface="Cambria Math" panose="02040503050406030204" pitchFamily="18" charset="0"/>
                            </a:rPr>
                            <m:t>)</m:t>
                          </m:r>
                        </m:e>
                      </m:func>
                    </m:oMath>
                  </m:oMathPara>
                </a14:m>
                <a:endParaRPr lang="en-DK" dirty="0" err="1">
                  <a:latin typeface="+mn-lt"/>
                </a:endParaRPr>
              </a:p>
            </p:txBody>
          </p:sp>
        </mc:Choice>
        <mc:Fallback>
          <p:sp>
            <p:nvSpPr>
              <p:cNvPr id="39" name="TextBox 38">
                <a:extLst>
                  <a:ext uri="{FF2B5EF4-FFF2-40B4-BE49-F238E27FC236}">
                    <a16:creationId xmlns:a16="http://schemas.microsoft.com/office/drawing/2014/main" id="{82DD84CD-3521-4CFE-B442-9477968F95DA}"/>
                  </a:ext>
                </a:extLst>
              </p:cNvPr>
              <p:cNvSpPr txBox="1">
                <a:spLocks noRot="1" noChangeAspect="1" noMove="1" noResize="1" noEditPoints="1" noAdjustHandles="1" noChangeArrowheads="1" noChangeShapeType="1" noTextEdit="1"/>
              </p:cNvSpPr>
              <p:nvPr/>
            </p:nvSpPr>
            <p:spPr>
              <a:xfrm>
                <a:off x="3286894" y="1556792"/>
                <a:ext cx="2966407" cy="461024"/>
              </a:xfrm>
              <a:prstGeom prst="rect">
                <a:avLst/>
              </a:prstGeom>
              <a:blipFill>
                <a:blip r:embed="rId9"/>
                <a:stretch>
                  <a:fillRect l="-616"/>
                </a:stretch>
              </a:blipFill>
            </p:spPr>
            <p:txBody>
              <a:bodyPr/>
              <a:lstStyle/>
              <a:p>
                <a:r>
                  <a:rPr lang="en-DK">
                    <a:noFill/>
                  </a:rPr>
                  <a:t> </a:t>
                </a:r>
              </a:p>
            </p:txBody>
          </p:sp>
        </mc:Fallback>
      </mc:AlternateContent>
      <mc:AlternateContent xmlns:mc="http://schemas.openxmlformats.org/markup-compatibility/2006" xmlns:a14="http://schemas.microsoft.com/office/drawing/2010/main">
        <mc:Choice Requires="a14">
          <p:sp>
            <p:nvSpPr>
              <p:cNvPr id="41" name="TextBox 40">
                <a:extLst>
                  <a:ext uri="{FF2B5EF4-FFF2-40B4-BE49-F238E27FC236}">
                    <a16:creationId xmlns:a16="http://schemas.microsoft.com/office/drawing/2014/main" id="{215426C5-EF7D-40D8-A550-8033442FFF47}"/>
                  </a:ext>
                </a:extLst>
              </p:cNvPr>
              <p:cNvSpPr txBox="1"/>
              <p:nvPr/>
            </p:nvSpPr>
            <p:spPr>
              <a:xfrm>
                <a:off x="2566814" y="2132856"/>
                <a:ext cx="2966407" cy="792718"/>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left"/>
                    </m:oMathParaPr>
                    <m:oMath xmlns:m="http://schemas.openxmlformats.org/officeDocument/2006/math">
                      <m:r>
                        <a:rPr lang="en-US" b="0" i="1" smtClean="0">
                          <a:latin typeface="Cambria Math" panose="02040503050406030204" pitchFamily="18" charset="0"/>
                        </a:rPr>
                        <m:t>𝑇</m:t>
                      </m:r>
                      <m:d>
                        <m:dPr>
                          <m:ctrlPr>
                            <a:rPr lang="en-US" b="0" i="1" smtClean="0">
                              <a:latin typeface="Cambria Math" panose="02040503050406030204" pitchFamily="18" charset="0"/>
                            </a:rPr>
                          </m:ctrlPr>
                        </m:dPr>
                        <m:e>
                          <m:r>
                            <a:rPr lang="en-US" b="0" i="1" smtClean="0">
                              <a:latin typeface="Cambria Math" panose="02040503050406030204" pitchFamily="18" charset="0"/>
                            </a:rPr>
                            <m:t>𝑟</m:t>
                          </m:r>
                        </m:e>
                      </m:d>
                      <m:r>
                        <a:rPr lang="en-US" b="0" i="1" smtClean="0">
                          <a:latin typeface="Cambria Math" panose="02040503050406030204" pitchFamily="18" charset="0"/>
                        </a:rPr>
                        <m:t>=</m:t>
                      </m:r>
                      <m:f>
                        <m:fPr>
                          <m:ctrlPr>
                            <a:rPr lang="en-US" b="0" i="1" smtClean="0">
                              <a:latin typeface="Cambria Math" panose="02040503050406030204" pitchFamily="18" charset="0"/>
                            </a:rPr>
                          </m:ctrlPr>
                        </m:fPr>
                        <m:num>
                          <m:sSub>
                            <m:sSubPr>
                              <m:ctrlPr>
                                <a:rPr lang="en-US" b="0" i="1" smtClean="0">
                                  <a:latin typeface="Cambria Math" panose="02040503050406030204" pitchFamily="18" charset="0"/>
                                </a:rPr>
                              </m:ctrlPr>
                            </m:sSubPr>
                            <m:e>
                              <m:r>
                                <a:rPr lang="en-US" b="0" i="1" smtClean="0">
                                  <a:latin typeface="Cambria Math" panose="02040503050406030204" pitchFamily="18" charset="0"/>
                                </a:rPr>
                                <m:t>𝑃</m:t>
                              </m:r>
                            </m:e>
                            <m:sub>
                              <m:r>
                                <a:rPr lang="en-US" b="0" i="1" smtClean="0">
                                  <a:latin typeface="Cambria Math" panose="02040503050406030204" pitchFamily="18" charset="0"/>
                                </a:rPr>
                                <m:t>0</m:t>
                              </m:r>
                            </m:sub>
                          </m:sSub>
                        </m:num>
                        <m:den>
                          <m:r>
                            <a:rPr lang="en-US" b="0" i="1" smtClean="0">
                              <a:latin typeface="Cambria Math" panose="02040503050406030204" pitchFamily="18" charset="0"/>
                            </a:rPr>
                            <m:t>2</m:t>
                          </m:r>
                          <m:r>
                            <a:rPr lang="en-US" b="0" i="1" smtClean="0">
                              <a:latin typeface="Cambria Math" panose="02040503050406030204" pitchFamily="18" charset="0"/>
                            </a:rPr>
                            <m:t>𝜋𝜅</m:t>
                          </m:r>
                        </m:den>
                      </m:f>
                      <m:r>
                        <m:rPr>
                          <m:sty m:val="p"/>
                        </m:rPr>
                        <a:rPr lang="en-US" b="0" i="0" smtClean="0">
                          <a:latin typeface="Cambria Math" panose="02040503050406030204" pitchFamily="18" charset="0"/>
                        </a:rPr>
                        <m:t>exp</m:t>
                      </m:r>
                      <m:d>
                        <m:dPr>
                          <m:ctrlPr>
                            <a:rPr lang="en-US" b="0" i="1" smtClean="0">
                              <a:latin typeface="Cambria Math" panose="02040503050406030204" pitchFamily="18" charset="0"/>
                            </a:rPr>
                          </m:ctrlPr>
                        </m:dPr>
                        <m:e>
                          <m:rad>
                            <m:radPr>
                              <m:degHide m:val="on"/>
                              <m:ctrlPr>
                                <a:rPr lang="en-US" i="1">
                                  <a:latin typeface="Cambria Math" panose="02040503050406030204" pitchFamily="18" charset="0"/>
                                </a:rPr>
                              </m:ctrlPr>
                            </m:radPr>
                            <m:deg/>
                            <m:e>
                              <m:f>
                                <m:fPr>
                                  <m:ctrlPr>
                                    <a:rPr lang="en-US" i="1">
                                      <a:latin typeface="Cambria Math" panose="02040503050406030204" pitchFamily="18" charset="0"/>
                                    </a:rPr>
                                  </m:ctrlPr>
                                </m:fPr>
                                <m:num>
                                  <m:r>
                                    <a:rPr lang="en-US" i="1">
                                      <a:latin typeface="Cambria Math" panose="02040503050406030204" pitchFamily="18" charset="0"/>
                                    </a:rPr>
                                    <m:t>𝐷</m:t>
                                  </m:r>
                                </m:num>
                                <m:den>
                                  <m:sSub>
                                    <m:sSubPr>
                                      <m:ctrlPr>
                                        <a:rPr lang="en-US" i="1">
                                          <a:latin typeface="Cambria Math" panose="02040503050406030204" pitchFamily="18" charset="0"/>
                                        </a:rPr>
                                      </m:ctrlPr>
                                    </m:sSubPr>
                                    <m:e>
                                      <m:r>
                                        <a:rPr lang="en-US" i="1">
                                          <a:latin typeface="Cambria Math" panose="02040503050406030204" pitchFamily="18" charset="0"/>
                                        </a:rPr>
                                        <m:t>𝜔</m:t>
                                      </m:r>
                                    </m:e>
                                    <m:sub>
                                      <m:r>
                                        <a:rPr lang="en-US" i="1">
                                          <a:latin typeface="Cambria Math" panose="02040503050406030204" pitchFamily="18" charset="0"/>
                                        </a:rPr>
                                        <m:t>0</m:t>
                                      </m:r>
                                    </m:sub>
                                  </m:sSub>
                                </m:den>
                              </m:f>
                            </m:e>
                          </m:rad>
                          <m:r>
                            <a:rPr lang="en-US" b="0" i="1" smtClean="0">
                              <a:latin typeface="Cambria Math" panose="02040503050406030204" pitchFamily="18" charset="0"/>
                            </a:rPr>
                            <m:t>(</m:t>
                          </m:r>
                          <m:r>
                            <a:rPr lang="en-US" b="0" i="1" smtClean="0">
                              <a:latin typeface="Cambria Math" panose="02040503050406030204" pitchFamily="18" charset="0"/>
                            </a:rPr>
                            <m:t>𝑎</m:t>
                          </m:r>
                          <m:r>
                            <a:rPr lang="en-US" b="0" i="1" smtClean="0">
                              <a:latin typeface="Cambria Math" panose="02040503050406030204" pitchFamily="18" charset="0"/>
                            </a:rPr>
                            <m:t>−</m:t>
                          </m:r>
                          <m:r>
                            <a:rPr lang="en-US" b="0" i="1" smtClean="0">
                              <a:latin typeface="Cambria Math" panose="02040503050406030204" pitchFamily="18" charset="0"/>
                            </a:rPr>
                            <m:t>𝑟</m:t>
                          </m:r>
                          <m:r>
                            <a:rPr lang="en-US" b="0" i="1" smtClean="0">
                              <a:latin typeface="Cambria Math" panose="02040503050406030204" pitchFamily="18" charset="0"/>
                            </a:rPr>
                            <m:t>)</m:t>
                          </m:r>
                        </m:e>
                      </m:d>
                    </m:oMath>
                  </m:oMathPara>
                </a14:m>
                <a:endParaRPr lang="en-DK" dirty="0" err="1">
                  <a:latin typeface="+mn-lt"/>
                </a:endParaRPr>
              </a:p>
            </p:txBody>
          </p:sp>
        </mc:Choice>
        <mc:Fallback xmlns="">
          <p:sp>
            <p:nvSpPr>
              <p:cNvPr id="41" name="TextBox 40">
                <a:extLst>
                  <a:ext uri="{FF2B5EF4-FFF2-40B4-BE49-F238E27FC236}">
                    <a16:creationId xmlns:a16="http://schemas.microsoft.com/office/drawing/2014/main" id="{215426C5-EF7D-40D8-A550-8033442FFF47}"/>
                  </a:ext>
                </a:extLst>
              </p:cNvPr>
              <p:cNvSpPr txBox="1">
                <a:spLocks noRot="1" noChangeAspect="1" noMove="1" noResize="1" noEditPoints="1" noAdjustHandles="1" noChangeArrowheads="1" noChangeShapeType="1" noTextEdit="1"/>
              </p:cNvSpPr>
              <p:nvPr/>
            </p:nvSpPr>
            <p:spPr>
              <a:xfrm>
                <a:off x="2566814" y="2132856"/>
                <a:ext cx="2966407" cy="792718"/>
              </a:xfrm>
              <a:prstGeom prst="rect">
                <a:avLst/>
              </a:prstGeom>
              <a:blipFill>
                <a:blip r:embed="rId10"/>
                <a:stretch>
                  <a:fillRect/>
                </a:stretch>
              </a:blipFill>
            </p:spPr>
            <p:txBody>
              <a:bodyPr/>
              <a:lstStyle/>
              <a:p>
                <a:r>
                  <a:rPr lang="en-DK">
                    <a:noFill/>
                  </a:rPr>
                  <a:t> </a:t>
                </a:r>
              </a:p>
            </p:txBody>
          </p:sp>
        </mc:Fallback>
      </mc:AlternateContent>
      <mc:AlternateContent xmlns:mc="http://schemas.openxmlformats.org/markup-compatibility/2006" xmlns:a14="http://schemas.microsoft.com/office/drawing/2010/main">
        <mc:Choice Requires="a14">
          <p:sp>
            <p:nvSpPr>
              <p:cNvPr id="43" name="TextBox 42">
                <a:extLst>
                  <a:ext uri="{FF2B5EF4-FFF2-40B4-BE49-F238E27FC236}">
                    <a16:creationId xmlns:a16="http://schemas.microsoft.com/office/drawing/2014/main" id="{0BE3D453-9840-4056-8EF3-B31DA603D2CE}"/>
                  </a:ext>
                </a:extLst>
              </p:cNvPr>
              <p:cNvSpPr txBox="1"/>
              <p:nvPr/>
            </p:nvSpPr>
            <p:spPr>
              <a:xfrm>
                <a:off x="2151965" y="2775379"/>
                <a:ext cx="2966407" cy="727507"/>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left"/>
                    </m:oMathParaPr>
                    <m:oMath xmlns:m="http://schemas.openxmlformats.org/officeDocument/2006/math">
                      <m:r>
                        <m:rPr>
                          <m:sty m:val="p"/>
                        </m:rPr>
                        <a:rPr lang="en-US" b="0" i="0" smtClean="0">
                          <a:latin typeface="Cambria Math" panose="02040503050406030204" pitchFamily="18" charset="0"/>
                        </a:rPr>
                        <m:t>Δ</m:t>
                      </m:r>
                      <m:r>
                        <a:rPr lang="en-US" b="0" i="1" smtClean="0">
                          <a:latin typeface="Cambria Math" panose="02040503050406030204" pitchFamily="18" charset="0"/>
                        </a:rPr>
                        <m:t>𝜙</m:t>
                      </m:r>
                      <m:d>
                        <m:dPr>
                          <m:ctrlPr>
                            <a:rPr lang="en-US" b="0" i="1" smtClean="0">
                              <a:latin typeface="Cambria Math" panose="02040503050406030204" pitchFamily="18" charset="0"/>
                            </a:rPr>
                          </m:ctrlPr>
                        </m:dPr>
                        <m:e>
                          <m:r>
                            <a:rPr lang="en-US" b="0" i="1" smtClean="0">
                              <a:latin typeface="Cambria Math" panose="02040503050406030204" pitchFamily="18" charset="0"/>
                            </a:rPr>
                            <m:t>𝑟</m:t>
                          </m:r>
                        </m:e>
                      </m:d>
                      <m:r>
                        <a:rPr lang="en-US" b="0" i="1" smtClean="0">
                          <a:latin typeface="Cambria Math" panose="02040503050406030204" pitchFamily="18" charset="0"/>
                        </a:rPr>
                        <m:t>=−</m:t>
                      </m:r>
                      <m:rad>
                        <m:radPr>
                          <m:degHide m:val="on"/>
                          <m:ctrlPr>
                            <a:rPr lang="en-US" i="1">
                              <a:latin typeface="Cambria Math" panose="02040503050406030204" pitchFamily="18" charset="0"/>
                            </a:rPr>
                          </m:ctrlPr>
                        </m:radPr>
                        <m:deg/>
                        <m:e>
                          <m:f>
                            <m:fPr>
                              <m:ctrlPr>
                                <a:rPr lang="en-US" i="1">
                                  <a:latin typeface="Cambria Math" panose="02040503050406030204" pitchFamily="18" charset="0"/>
                                </a:rPr>
                              </m:ctrlPr>
                            </m:fPr>
                            <m:num>
                              <m:r>
                                <a:rPr lang="en-US" i="1">
                                  <a:latin typeface="Cambria Math" panose="02040503050406030204" pitchFamily="18" charset="0"/>
                                </a:rPr>
                                <m:t>𝐷</m:t>
                              </m:r>
                            </m:num>
                            <m:den>
                              <m:sSub>
                                <m:sSubPr>
                                  <m:ctrlPr>
                                    <a:rPr lang="en-US" i="1">
                                      <a:latin typeface="Cambria Math" panose="02040503050406030204" pitchFamily="18" charset="0"/>
                                    </a:rPr>
                                  </m:ctrlPr>
                                </m:sSubPr>
                                <m:e>
                                  <m:r>
                                    <a:rPr lang="en-US" i="1">
                                      <a:latin typeface="Cambria Math" panose="02040503050406030204" pitchFamily="18" charset="0"/>
                                    </a:rPr>
                                    <m:t>𝜔</m:t>
                                  </m:r>
                                </m:e>
                                <m:sub>
                                  <m:r>
                                    <a:rPr lang="en-US" i="1">
                                      <a:latin typeface="Cambria Math" panose="02040503050406030204" pitchFamily="18" charset="0"/>
                                    </a:rPr>
                                    <m:t>0</m:t>
                                  </m:r>
                                </m:sub>
                              </m:sSub>
                            </m:den>
                          </m:f>
                        </m:e>
                      </m:rad>
                      <m:r>
                        <a:rPr lang="en-US" b="0" i="1" smtClean="0">
                          <a:latin typeface="Cambria Math" panose="02040503050406030204" pitchFamily="18" charset="0"/>
                        </a:rPr>
                        <m:t>𝑟</m:t>
                      </m:r>
                    </m:oMath>
                  </m:oMathPara>
                </a14:m>
                <a:endParaRPr lang="en-DK" dirty="0" err="1">
                  <a:latin typeface="+mn-lt"/>
                </a:endParaRPr>
              </a:p>
            </p:txBody>
          </p:sp>
        </mc:Choice>
        <mc:Fallback xmlns="">
          <p:sp>
            <p:nvSpPr>
              <p:cNvPr id="43" name="TextBox 42">
                <a:extLst>
                  <a:ext uri="{FF2B5EF4-FFF2-40B4-BE49-F238E27FC236}">
                    <a16:creationId xmlns:a16="http://schemas.microsoft.com/office/drawing/2014/main" id="{0BE3D453-9840-4056-8EF3-B31DA603D2CE}"/>
                  </a:ext>
                </a:extLst>
              </p:cNvPr>
              <p:cNvSpPr txBox="1">
                <a:spLocks noRot="1" noChangeAspect="1" noMove="1" noResize="1" noEditPoints="1" noAdjustHandles="1" noChangeArrowheads="1" noChangeShapeType="1" noTextEdit="1"/>
              </p:cNvSpPr>
              <p:nvPr/>
            </p:nvSpPr>
            <p:spPr>
              <a:xfrm>
                <a:off x="2151965" y="2775379"/>
                <a:ext cx="2966407" cy="727507"/>
              </a:xfrm>
              <a:prstGeom prst="rect">
                <a:avLst/>
              </a:prstGeom>
              <a:blipFill>
                <a:blip r:embed="rId11"/>
                <a:stretch>
                  <a:fillRect/>
                </a:stretch>
              </a:blipFill>
            </p:spPr>
            <p:txBody>
              <a:bodyPr/>
              <a:lstStyle/>
              <a:p>
                <a:r>
                  <a:rPr lang="en-DK">
                    <a:noFill/>
                  </a:rPr>
                  <a:t> </a:t>
                </a:r>
              </a:p>
            </p:txBody>
          </p:sp>
        </mc:Fallback>
      </mc:AlternateContent>
      <p:sp>
        <p:nvSpPr>
          <p:cNvPr id="45" name="TextBox 44">
            <a:extLst>
              <a:ext uri="{FF2B5EF4-FFF2-40B4-BE49-F238E27FC236}">
                <a16:creationId xmlns:a16="http://schemas.microsoft.com/office/drawing/2014/main" id="{B2CA5BCA-AB7E-420E-9580-D1A283796C22}"/>
              </a:ext>
            </a:extLst>
          </p:cNvPr>
          <p:cNvSpPr txBox="1"/>
          <p:nvPr/>
        </p:nvSpPr>
        <p:spPr>
          <a:xfrm>
            <a:off x="5169691" y="3577509"/>
            <a:ext cx="1629940" cy="1231106"/>
          </a:xfrm>
          <a:prstGeom prst="rect">
            <a:avLst/>
          </a:prstGeom>
          <a:noFill/>
        </p:spPr>
        <p:txBody>
          <a:bodyPr wrap="square" lIns="0" tIns="0" rIns="0" bIns="0" rtlCol="0">
            <a:spAutoFit/>
          </a:bodyPr>
          <a:lstStyle/>
          <a:p>
            <a:pPr>
              <a:spcBef>
                <a:spcPts val="432"/>
              </a:spcBef>
            </a:pPr>
            <a:r>
              <a:rPr lang="en-US" b="1" dirty="0">
                <a:latin typeface="+mn-lt"/>
              </a:rPr>
              <a:t>Figure 8</a:t>
            </a:r>
            <a:br>
              <a:rPr lang="en-US" dirty="0">
                <a:latin typeface="+mn-lt"/>
              </a:rPr>
            </a:br>
            <a:r>
              <a:rPr lang="en-US" dirty="0">
                <a:latin typeface="+mn-lt"/>
              </a:rPr>
              <a:t>Temporal temperature profile for a single probe.</a:t>
            </a:r>
            <a:endParaRPr lang="en-DK" dirty="0" err="1">
              <a:latin typeface="+mn-lt"/>
            </a:endParaRPr>
          </a:p>
        </p:txBody>
      </p:sp>
      <p:sp>
        <p:nvSpPr>
          <p:cNvPr id="47" name="TextBox 46">
            <a:extLst>
              <a:ext uri="{FF2B5EF4-FFF2-40B4-BE49-F238E27FC236}">
                <a16:creationId xmlns:a16="http://schemas.microsoft.com/office/drawing/2014/main" id="{DA4077BE-6334-4F9C-A806-E59583A68209}"/>
              </a:ext>
            </a:extLst>
          </p:cNvPr>
          <p:cNvSpPr txBox="1"/>
          <p:nvPr/>
        </p:nvSpPr>
        <p:spPr>
          <a:xfrm>
            <a:off x="6029523" y="1223151"/>
            <a:ext cx="1629940" cy="1231106"/>
          </a:xfrm>
          <a:prstGeom prst="rect">
            <a:avLst/>
          </a:prstGeom>
          <a:noFill/>
        </p:spPr>
        <p:txBody>
          <a:bodyPr wrap="square" lIns="0" tIns="0" rIns="0" bIns="0" rtlCol="0">
            <a:spAutoFit/>
          </a:bodyPr>
          <a:lstStyle/>
          <a:p>
            <a:pPr>
              <a:spcBef>
                <a:spcPts val="432"/>
              </a:spcBef>
            </a:pPr>
            <a:r>
              <a:rPr lang="en-US" b="1" dirty="0">
                <a:latin typeface="+mn-lt"/>
              </a:rPr>
              <a:t>Figure 9</a:t>
            </a:r>
            <a:br>
              <a:rPr lang="en-US" dirty="0">
                <a:latin typeface="+mn-lt"/>
              </a:rPr>
            </a:br>
            <a:r>
              <a:rPr lang="en-US" dirty="0">
                <a:latin typeface="+mn-lt"/>
              </a:rPr>
              <a:t>Calculated FFT amplitude of temperature signal.</a:t>
            </a:r>
            <a:endParaRPr lang="en-DK" dirty="0" err="1">
              <a:latin typeface="+mn-lt"/>
            </a:endParaRPr>
          </a:p>
        </p:txBody>
      </p:sp>
      <p:sp>
        <p:nvSpPr>
          <p:cNvPr id="49" name="TextBox 48">
            <a:extLst>
              <a:ext uri="{FF2B5EF4-FFF2-40B4-BE49-F238E27FC236}">
                <a16:creationId xmlns:a16="http://schemas.microsoft.com/office/drawing/2014/main" id="{90824E4C-F09C-4D24-92C2-9CC815A91881}"/>
              </a:ext>
            </a:extLst>
          </p:cNvPr>
          <p:cNvSpPr txBox="1"/>
          <p:nvPr/>
        </p:nvSpPr>
        <p:spPr>
          <a:xfrm>
            <a:off x="5933342" y="5097909"/>
            <a:ext cx="1629940" cy="1231106"/>
          </a:xfrm>
          <a:prstGeom prst="rect">
            <a:avLst/>
          </a:prstGeom>
          <a:noFill/>
        </p:spPr>
        <p:txBody>
          <a:bodyPr wrap="square" lIns="0" tIns="0" rIns="0" bIns="0" rtlCol="0">
            <a:spAutoFit/>
          </a:bodyPr>
          <a:lstStyle/>
          <a:p>
            <a:pPr>
              <a:spcBef>
                <a:spcPts val="432"/>
              </a:spcBef>
            </a:pPr>
            <a:r>
              <a:rPr lang="en-US" b="1" dirty="0">
                <a:latin typeface="+mn-lt"/>
              </a:rPr>
              <a:t>Figure 10</a:t>
            </a:r>
            <a:br>
              <a:rPr lang="en-US" dirty="0">
                <a:latin typeface="+mn-lt"/>
              </a:rPr>
            </a:br>
            <a:r>
              <a:rPr lang="en-US" dirty="0">
                <a:latin typeface="+mn-lt"/>
              </a:rPr>
              <a:t>Calculated FFT phase of temperature signal.</a:t>
            </a:r>
            <a:endParaRPr lang="en-DK" dirty="0" err="1">
              <a:latin typeface="+mn-lt"/>
            </a:endParaRPr>
          </a:p>
        </p:txBody>
      </p:sp>
      <p:grpSp>
        <p:nvGrpSpPr>
          <p:cNvPr id="56" name="Group 55">
            <a:extLst>
              <a:ext uri="{FF2B5EF4-FFF2-40B4-BE49-F238E27FC236}">
                <a16:creationId xmlns:a16="http://schemas.microsoft.com/office/drawing/2014/main" id="{EFD32138-191D-439E-8D08-76B782DE96EA}"/>
              </a:ext>
            </a:extLst>
          </p:cNvPr>
          <p:cNvGrpSpPr/>
          <p:nvPr/>
        </p:nvGrpSpPr>
        <p:grpSpPr>
          <a:xfrm>
            <a:off x="5824336" y="153862"/>
            <a:ext cx="5898414" cy="3142016"/>
            <a:chOff x="779762" y="1988840"/>
            <a:chExt cx="5898414" cy="3050452"/>
          </a:xfrm>
          <a:solidFill>
            <a:schemeClr val="bg1"/>
          </a:solidFill>
        </p:grpSpPr>
        <p:pic>
          <p:nvPicPr>
            <p:cNvPr id="57" name="Content Placeholder 21" descr="A close up of a piece of paper&#10;&#10;Description automatically generated">
              <a:extLst>
                <a:ext uri="{FF2B5EF4-FFF2-40B4-BE49-F238E27FC236}">
                  <a16:creationId xmlns:a16="http://schemas.microsoft.com/office/drawing/2014/main" id="{A48AF8EF-E5CC-49AC-838C-1EB040CE1D84}"/>
                </a:ext>
              </a:extLst>
            </p:cNvPr>
            <p:cNvPicPr>
              <a:picLocks noChangeAspect="1"/>
            </p:cNvPicPr>
            <p:nvPr/>
          </p:nvPicPr>
          <p:blipFill>
            <a:blip r:embed="rId12">
              <a:extLst>
                <a:ext uri="{28A0092B-C50C-407E-A947-70E740481C1C}">
                  <a14:useLocalDpi xmlns:a14="http://schemas.microsoft.com/office/drawing/2010/main" val="0"/>
                </a:ext>
              </a:extLst>
            </a:blip>
            <a:stretch>
              <a:fillRect/>
            </a:stretch>
          </p:blipFill>
          <p:spPr bwMode="auto">
            <a:xfrm>
              <a:off x="2379598" y="1988840"/>
              <a:ext cx="4298578" cy="3050452"/>
            </a:xfrm>
            <a:prstGeom prst="rect">
              <a:avLst/>
            </a:prstGeom>
            <a:grpFill/>
            <a:ln>
              <a:noFill/>
            </a:ln>
            <a:extLst>
              <a:ext uri="{91240B29-F687-4F45-9708-019B960494DF}">
                <a14:hiddenLine xmlns:a14="http://schemas.microsoft.com/office/drawing/2010/main" w="9525">
                  <a:solidFill>
                    <a:schemeClr val="tx1"/>
                  </a:solidFill>
                  <a:miter lim="800000"/>
                  <a:headEnd/>
                  <a:tailEnd/>
                </a14:hiddenLine>
              </a:ext>
            </a:extLst>
          </p:spPr>
        </p:pic>
        <p:sp>
          <p:nvSpPr>
            <p:cNvPr id="58" name="TextBox 57">
              <a:extLst>
                <a:ext uri="{FF2B5EF4-FFF2-40B4-BE49-F238E27FC236}">
                  <a16:creationId xmlns:a16="http://schemas.microsoft.com/office/drawing/2014/main" id="{E3158F14-9694-47C6-8784-68C05A6FC620}"/>
                </a:ext>
              </a:extLst>
            </p:cNvPr>
            <p:cNvSpPr txBox="1"/>
            <p:nvPr/>
          </p:nvSpPr>
          <p:spPr>
            <a:xfrm>
              <a:off x="779762" y="2564904"/>
              <a:ext cx="1629940" cy="1772924"/>
            </a:xfrm>
            <a:prstGeom prst="rect">
              <a:avLst/>
            </a:prstGeom>
            <a:grpFill/>
          </p:spPr>
          <p:txBody>
            <a:bodyPr wrap="square" lIns="0" tIns="0" rIns="0" bIns="0" rtlCol="0">
              <a:spAutoFit/>
            </a:bodyPr>
            <a:lstStyle/>
            <a:p>
              <a:pPr>
                <a:spcBef>
                  <a:spcPts val="432"/>
                </a:spcBef>
              </a:pPr>
              <a:r>
                <a:rPr lang="en-US" b="1" dirty="0">
                  <a:latin typeface="+mn-lt"/>
                </a:rPr>
                <a:t>Figure 11</a:t>
              </a:r>
              <a:br>
                <a:rPr lang="en-US" dirty="0">
                  <a:latin typeface="+mn-lt"/>
                </a:rPr>
              </a:br>
              <a:r>
                <a:rPr lang="en-US" dirty="0">
                  <a:latin typeface="+mn-lt"/>
                </a:rPr>
                <a:t>Calculated error of the amplitude between COMSOL and the </a:t>
              </a:r>
            </a:p>
            <a:p>
              <a:pPr>
                <a:spcBef>
                  <a:spcPts val="432"/>
                </a:spcBef>
              </a:pPr>
              <a:r>
                <a:rPr lang="en-US" dirty="0">
                  <a:latin typeface="+mn-lt"/>
                </a:rPr>
                <a:t>analytic solution.</a:t>
              </a:r>
            </a:p>
            <a:p>
              <a:pPr>
                <a:spcBef>
                  <a:spcPts val="432"/>
                </a:spcBef>
              </a:pPr>
              <a:endParaRPr lang="en-DK" dirty="0" err="1">
                <a:latin typeface="+mn-lt"/>
              </a:endParaRPr>
            </a:p>
          </p:txBody>
        </p:sp>
        <p:cxnSp>
          <p:nvCxnSpPr>
            <p:cNvPr id="59" name="Straight Arrow Connector 58">
              <a:extLst>
                <a:ext uri="{FF2B5EF4-FFF2-40B4-BE49-F238E27FC236}">
                  <a16:creationId xmlns:a16="http://schemas.microsoft.com/office/drawing/2014/main" id="{FE4D3AF6-0ECE-4121-9C07-2A4703D10680}"/>
                </a:ext>
              </a:extLst>
            </p:cNvPr>
            <p:cNvCxnSpPr/>
            <p:nvPr/>
          </p:nvCxnSpPr>
          <p:spPr bwMode="auto">
            <a:xfrm flipH="1">
              <a:off x="3142878" y="3861048"/>
              <a:ext cx="648072" cy="0"/>
            </a:xfrm>
            <a:prstGeom prst="straightConnector1">
              <a:avLst/>
            </a:prstGeom>
            <a:grp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60" name="Straight Arrow Connector 59">
              <a:extLst>
                <a:ext uri="{FF2B5EF4-FFF2-40B4-BE49-F238E27FC236}">
                  <a16:creationId xmlns:a16="http://schemas.microsoft.com/office/drawing/2014/main" id="{EE8C2807-BE00-472F-9367-687BBFC6FC71}"/>
                </a:ext>
              </a:extLst>
            </p:cNvPr>
            <p:cNvCxnSpPr/>
            <p:nvPr/>
          </p:nvCxnSpPr>
          <p:spPr bwMode="auto">
            <a:xfrm flipV="1">
              <a:off x="5015086" y="4149080"/>
              <a:ext cx="648072" cy="288032"/>
            </a:xfrm>
            <a:prstGeom prst="straightConnector1">
              <a:avLst/>
            </a:prstGeom>
            <a:grp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pSp>
      <p:grpSp>
        <p:nvGrpSpPr>
          <p:cNvPr id="20" name="Group 19">
            <a:extLst>
              <a:ext uri="{FF2B5EF4-FFF2-40B4-BE49-F238E27FC236}">
                <a16:creationId xmlns:a16="http://schemas.microsoft.com/office/drawing/2014/main" id="{ABA261D1-DBD1-436D-B5EF-D3EA01168ED1}"/>
              </a:ext>
            </a:extLst>
          </p:cNvPr>
          <p:cNvGrpSpPr/>
          <p:nvPr/>
        </p:nvGrpSpPr>
        <p:grpSpPr>
          <a:xfrm>
            <a:off x="5824336" y="3444644"/>
            <a:ext cx="5916351" cy="3050452"/>
            <a:chOff x="4813140" y="762481"/>
            <a:chExt cx="5916351" cy="3050452"/>
          </a:xfrm>
        </p:grpSpPr>
        <p:sp>
          <p:nvSpPr>
            <p:cNvPr id="21" name="TextBox 20">
              <a:extLst>
                <a:ext uri="{FF2B5EF4-FFF2-40B4-BE49-F238E27FC236}">
                  <a16:creationId xmlns:a16="http://schemas.microsoft.com/office/drawing/2014/main" id="{6CE4A4A5-1584-43F8-949D-EB026B1259B5}"/>
                </a:ext>
              </a:extLst>
            </p:cNvPr>
            <p:cNvSpPr txBox="1"/>
            <p:nvPr/>
          </p:nvSpPr>
          <p:spPr>
            <a:xfrm>
              <a:off x="4813140" y="2276872"/>
              <a:ext cx="1629940" cy="1477328"/>
            </a:xfrm>
            <a:prstGeom prst="rect">
              <a:avLst/>
            </a:prstGeom>
            <a:solidFill>
              <a:schemeClr val="bg1"/>
            </a:solidFill>
          </p:spPr>
          <p:txBody>
            <a:bodyPr wrap="square" lIns="0" tIns="0" rIns="0" bIns="0" rtlCol="0">
              <a:spAutoFit/>
            </a:bodyPr>
            <a:lstStyle/>
            <a:p>
              <a:pPr>
                <a:spcBef>
                  <a:spcPts val="432"/>
                </a:spcBef>
              </a:pPr>
              <a:r>
                <a:rPr lang="en-US" b="1" dirty="0">
                  <a:latin typeface="+mn-lt"/>
                </a:rPr>
                <a:t>Figure 12</a:t>
              </a:r>
              <a:br>
                <a:rPr lang="en-US" dirty="0">
                  <a:latin typeface="+mn-lt"/>
                </a:rPr>
              </a:br>
              <a:r>
                <a:rPr lang="en-US" dirty="0">
                  <a:latin typeface="+mn-lt"/>
                </a:rPr>
                <a:t>Calculated error of the phase</a:t>
              </a:r>
              <a:br>
                <a:rPr lang="en-US" dirty="0">
                  <a:latin typeface="+mn-lt"/>
                </a:rPr>
              </a:br>
              <a:r>
                <a:rPr lang="en-US" dirty="0">
                  <a:latin typeface="+mn-lt"/>
                </a:rPr>
                <a:t>between COMSOL and the analytic solution.</a:t>
              </a:r>
            </a:p>
          </p:txBody>
        </p:sp>
        <p:pic>
          <p:nvPicPr>
            <p:cNvPr id="22" name="Content Placeholder 26" descr="A close up of a piece of paper&#10;&#10;Description automatically generated">
              <a:extLst>
                <a:ext uri="{FF2B5EF4-FFF2-40B4-BE49-F238E27FC236}">
                  <a16:creationId xmlns:a16="http://schemas.microsoft.com/office/drawing/2014/main" id="{18133B0A-C266-4339-8F46-24C1C9F9D3D6}"/>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bwMode="auto">
            <a:xfrm>
              <a:off x="6430913" y="762481"/>
              <a:ext cx="4298578" cy="305045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cxnSp>
          <p:nvCxnSpPr>
            <p:cNvPr id="23" name="Straight Arrow Connector 22">
              <a:extLst>
                <a:ext uri="{FF2B5EF4-FFF2-40B4-BE49-F238E27FC236}">
                  <a16:creationId xmlns:a16="http://schemas.microsoft.com/office/drawing/2014/main" id="{4C765133-A2E3-49EC-B269-6B6B8E102E2C}"/>
                </a:ext>
              </a:extLst>
            </p:cNvPr>
            <p:cNvCxnSpPr/>
            <p:nvPr/>
          </p:nvCxnSpPr>
          <p:spPr bwMode="auto">
            <a:xfrm>
              <a:off x="8903518" y="227687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4" name="Straight Arrow Connector 23">
              <a:extLst>
                <a:ext uri="{FF2B5EF4-FFF2-40B4-BE49-F238E27FC236}">
                  <a16:creationId xmlns:a16="http://schemas.microsoft.com/office/drawing/2014/main" id="{53382CAE-ABD3-4309-B807-7837FA15831D}"/>
                </a:ext>
              </a:extLst>
            </p:cNvPr>
            <p:cNvCxnSpPr/>
            <p:nvPr/>
          </p:nvCxnSpPr>
          <p:spPr bwMode="auto">
            <a:xfrm flipH="1">
              <a:off x="7679382" y="3212976"/>
              <a:ext cx="792088"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pSp>
      <p:pic>
        <p:nvPicPr>
          <p:cNvPr id="9" name="Audio 8">
            <a:hlinkClick r:id="" action="ppaction://media"/>
            <a:extLst>
              <a:ext uri="{FF2B5EF4-FFF2-40B4-BE49-F238E27FC236}">
                <a16:creationId xmlns:a16="http://schemas.microsoft.com/office/drawing/2014/main" id="{D68C53B2-B140-4DE7-9595-46566981C94D}"/>
              </a:ext>
            </a:extLst>
          </p:cNvPr>
          <p:cNvPicPr>
            <a:picLocks noChangeAspect="1"/>
          </p:cNvPicPr>
          <p:nvPr>
            <a:audioFile r:link="rId3"/>
            <p:extLst>
              <p:ext uri="{DAA4B4D4-6D71-4841-9C94-3DE7FCFB9230}">
                <p14:media xmlns:p14="http://schemas.microsoft.com/office/powerpoint/2010/main" r:embed="rId2"/>
              </p:ext>
            </p:extLst>
          </p:nvPr>
        </p:nvPicPr>
        <p:blipFill>
          <a:blip r:embed="rId14"/>
          <a:stretch>
            <a:fillRect/>
          </a:stretch>
        </p:blipFill>
        <p:spPr>
          <a:xfrm>
            <a:off x="11487150" y="6154738"/>
            <a:ext cx="487363" cy="487362"/>
          </a:xfrm>
          <a:prstGeom prst="rect">
            <a:avLst/>
          </a:prstGeom>
        </p:spPr>
      </p:pic>
    </p:spTree>
    <p:custDataLst>
      <p:tags r:id="rId1"/>
    </p:custDataLst>
    <p:extLst>
      <p:ext uri="{BB962C8B-B14F-4D97-AF65-F5344CB8AC3E}">
        <p14:creationId xmlns:p14="http://schemas.microsoft.com/office/powerpoint/2010/main" val="1541113851"/>
      </p:ext>
    </p:extLst>
  </p:cSld>
  <p:clrMapOvr>
    <a:masterClrMapping/>
  </p:clrMapOvr>
  <mc:AlternateContent xmlns:mc="http://schemas.openxmlformats.org/markup-compatibility/2006">
    <mc:Choice xmlns:p14="http://schemas.microsoft.com/office/powerpoint/2010/main" Requires="p14">
      <p:transition spd="slow" p14:dur="2000" advTm="88036"/>
    </mc:Choice>
    <mc:Fallback>
      <p:transition spd="slow" advTm="88036"/>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9"/>
                                        </p:tgtEl>
                                      </p:cBhvr>
                                    </p:cmd>
                                  </p:childTnLst>
                                </p:cTn>
                              </p:par>
                            </p:childTnLst>
                          </p:cTn>
                        </p:par>
                      </p:childTnLst>
                    </p:cTn>
                  </p:par>
                  <p:par>
                    <p:cTn id="7" fill="hold">
                      <p:stCondLst>
                        <p:cond delay="indefinite"/>
                      </p:stCondLst>
                      <p:childTnLst>
                        <p:par>
                          <p:cTn id="8" fill="hold">
                            <p:stCondLst>
                              <p:cond delay="0"/>
                            </p:stCondLst>
                            <p:childTnLst>
                              <p:par>
                                <p:cTn id="9" presetID="10" presetClass="entr" presetSubtype="0" fill="hold" nodeType="clickEffect">
                                  <p:stCondLst>
                                    <p:cond delay="0"/>
                                  </p:stCondLst>
                                  <p:childTnLst>
                                    <p:set>
                                      <p:cBhvr>
                                        <p:cTn id="10" dur="1" fill="hold">
                                          <p:stCondLst>
                                            <p:cond delay="0"/>
                                          </p:stCondLst>
                                        </p:cTn>
                                        <p:tgtEl>
                                          <p:spTgt spid="56"/>
                                        </p:tgtEl>
                                        <p:attrNameLst>
                                          <p:attrName>style.visibility</p:attrName>
                                        </p:attrNameLst>
                                      </p:cBhvr>
                                      <p:to>
                                        <p:strVal val="visible"/>
                                      </p:to>
                                    </p:set>
                                    <p:animEffect transition="in" filter="fade">
                                      <p:cBhvr>
                                        <p:cTn id="11" dur="500"/>
                                        <p:tgtEl>
                                          <p:spTgt spid="56"/>
                                        </p:tgtEl>
                                      </p:cBhvr>
                                    </p:animEffect>
                                  </p:childTnLst>
                                </p:cTn>
                              </p:par>
                            </p:childTnLst>
                          </p:cTn>
                        </p:par>
                      </p:childTnLst>
                    </p:cTn>
                  </p:par>
                  <p:par>
                    <p:cTn id="12" fill="hold">
                      <p:stCondLst>
                        <p:cond delay="indefinite"/>
                      </p:stCondLst>
                      <p:childTnLst>
                        <p:par>
                          <p:cTn id="13" fill="hold">
                            <p:stCondLst>
                              <p:cond delay="0"/>
                            </p:stCondLst>
                            <p:childTnLst>
                              <p:par>
                                <p:cTn id="14" presetID="10" presetClass="entr" presetSubtype="0" fill="hold" nodeType="clickEffect">
                                  <p:stCondLst>
                                    <p:cond delay="0"/>
                                  </p:stCondLst>
                                  <p:childTnLst>
                                    <p:set>
                                      <p:cBhvr>
                                        <p:cTn id="15" dur="1" fill="hold">
                                          <p:stCondLst>
                                            <p:cond delay="0"/>
                                          </p:stCondLst>
                                        </p:cTn>
                                        <p:tgtEl>
                                          <p:spTgt spid="20"/>
                                        </p:tgtEl>
                                        <p:attrNameLst>
                                          <p:attrName>style.visibility</p:attrName>
                                        </p:attrNameLst>
                                      </p:cBhvr>
                                      <p:to>
                                        <p:strVal val="visible"/>
                                      </p:to>
                                    </p:set>
                                    <p:animEffect transition="in" filter="fade">
                                      <p:cBhvr>
                                        <p:cTn id="16" dur="500"/>
                                        <p:tgtEl>
                                          <p:spTgt spid="20"/>
                                        </p:tgtEl>
                                      </p:cBhvr>
                                    </p:animEffect>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17" fill="hold" display="0">
                  <p:stCondLst>
                    <p:cond delay="indefinite"/>
                  </p:stCondLst>
                  <p:endCondLst>
                    <p:cond evt="onStopAudio" delay="0">
                      <p:tgtEl>
                        <p:sldTgt/>
                      </p:tgtEl>
                    </p:cond>
                  </p:endCondLst>
                </p:cTn>
                <p:tgtEl>
                  <p:spTgt spid="9"/>
                </p:tgtEl>
              </p:cMediaNode>
            </p:audio>
          </p:childTnLst>
        </p:cTn>
      </p:par>
    </p:tnLst>
  </p:timing>
  <p:extLst>
    <p:ext uri="{3A86A75C-4F4B-4683-9AE1-C65F6400EC91}">
      <p14:laserTraceLst xmlns:p14="http://schemas.microsoft.com/office/powerpoint/2010/main">
        <p14:tracePtLst>
          <p14:tracePt t="13322" x="806450" y="1827213"/>
          <p14:tracePt t="13328" x="781050" y="1895475"/>
          <p14:tracePt t="13335" x="765175" y="1938338"/>
          <p14:tracePt t="13342" x="739775" y="2005013"/>
          <p14:tracePt t="13349" x="714375" y="2073275"/>
          <p14:tracePt t="13356" x="696913" y="2149475"/>
          <p14:tracePt t="13362" x="661988" y="2227263"/>
          <p14:tracePt t="13370" x="636588" y="2286000"/>
          <p14:tracePt t="13377" x="620713" y="2362200"/>
          <p14:tracePt t="13384" x="595313" y="2422525"/>
          <p14:tracePt t="13391" x="577850" y="2473325"/>
          <p14:tracePt t="13397" x="569913" y="2506663"/>
          <p14:tracePt t="13404" x="552450" y="2541588"/>
          <p14:tracePt t="13411" x="544513" y="2566988"/>
          <p14:tracePt t="13418" x="534988" y="2592388"/>
          <p14:tracePt t="13426" x="527050" y="2643188"/>
          <p14:tracePt t="13432" x="517525" y="2676525"/>
          <p14:tracePt t="13440" x="517525" y="2701925"/>
          <p14:tracePt t="13446" x="509588" y="2752725"/>
          <p14:tracePt t="13453" x="501650" y="2795588"/>
          <p14:tracePt t="13460" x="492125" y="2830513"/>
          <p14:tracePt t="13467" x="484188" y="2863850"/>
          <p14:tracePt t="13475" x="484188" y="2906713"/>
          <p14:tracePt t="13481" x="476250" y="2932113"/>
          <p14:tracePt t="13488" x="476250" y="2949575"/>
          <p14:tracePt t="13494" x="466725" y="2974975"/>
          <p14:tracePt t="13502" x="466725" y="2990850"/>
          <p14:tracePt t="13509" x="466725" y="3008313"/>
          <p14:tracePt t="13515" x="466725" y="3025775"/>
          <p14:tracePt t="13522" x="458788" y="3051175"/>
          <p14:tracePt t="13529" x="458788" y="3059113"/>
          <p14:tracePt t="13537" x="458788" y="3084513"/>
          <p14:tracePt t="13543" x="458788" y="3101975"/>
          <p14:tracePt t="13550" x="458788" y="3119438"/>
          <p14:tracePt t="13558" x="458788" y="3152775"/>
          <p14:tracePt t="13564" x="458788" y="3178175"/>
          <p14:tracePt t="13571" x="450850" y="3195638"/>
          <p14:tracePt t="13577" x="450850" y="3221038"/>
          <p14:tracePt t="13584" x="450850" y="3246438"/>
          <p14:tracePt t="13592" x="450850" y="3263900"/>
          <p14:tracePt t="13598" x="450850" y="3289300"/>
          <p14:tracePt t="13605" x="450850" y="3314700"/>
          <p14:tracePt t="13612" x="450850" y="3330575"/>
          <p14:tracePt t="13619" x="450850" y="3355975"/>
          <p14:tracePt t="13626" x="450850" y="3382963"/>
          <p14:tracePt t="13633" x="450850" y="3398838"/>
          <p14:tracePt t="13641" x="450850" y="3424238"/>
          <p14:tracePt t="13648" x="450850" y="3449638"/>
          <p14:tracePt t="13655" x="458788" y="3475038"/>
          <p14:tracePt t="13660" x="458788" y="3502025"/>
          <p14:tracePt t="13668" x="458788" y="3535363"/>
          <p14:tracePt t="13675" x="458788" y="3568700"/>
          <p14:tracePt t="13682" x="466725" y="3603625"/>
          <p14:tracePt t="13688" x="466725" y="3629025"/>
          <p14:tracePt t="13695" x="466725" y="3662363"/>
          <p14:tracePt t="13702" x="476250" y="3697288"/>
          <p14:tracePt t="13709" x="476250" y="3730625"/>
          <p14:tracePt t="13715" x="476250" y="3756025"/>
          <p14:tracePt t="13722" x="476250" y="3781425"/>
          <p14:tracePt t="13729" x="476250" y="3798888"/>
          <p14:tracePt t="13736" x="476250" y="3816350"/>
          <p14:tracePt t="13743" x="476250" y="3832225"/>
          <p14:tracePt t="13750" x="484188" y="3849688"/>
          <p14:tracePt t="13757" x="484188" y="3867150"/>
          <p14:tracePt t="13764" x="484188" y="3883025"/>
          <p14:tracePt t="13772" x="484188" y="3908425"/>
          <p14:tracePt t="13779" x="492125" y="3917950"/>
          <p14:tracePt t="13786" x="492125" y="3943350"/>
          <p14:tracePt t="13793" x="501650" y="3976688"/>
          <p14:tracePt t="13799" x="501650" y="3994150"/>
          <p14:tracePt t="13806" x="509588" y="4019550"/>
          <p14:tracePt t="13813" x="509588" y="4052888"/>
          <p14:tracePt t="13820" x="517525" y="4087813"/>
          <p14:tracePt t="13826" x="527050" y="4113213"/>
          <p14:tracePt t="13834" x="527050" y="4138613"/>
          <p14:tracePt t="13841" x="534988" y="4171950"/>
          <p14:tracePt t="13847" x="544513" y="4206875"/>
          <p14:tracePt t="13854" x="552450" y="4232275"/>
          <p14:tracePt t="13861" x="552450" y="4265613"/>
          <p14:tracePt t="13868" x="560388" y="4283075"/>
          <p14:tracePt t="13875" x="560388" y="4308475"/>
          <p14:tracePt t="13882" x="560388" y="4333875"/>
          <p14:tracePt t="13889" x="569913" y="4351338"/>
          <p14:tracePt t="13896" x="569913" y="4368800"/>
          <p14:tracePt t="13903" x="577850" y="4394200"/>
          <p14:tracePt t="13910" x="577850" y="4402138"/>
          <p14:tracePt t="13916" x="577850" y="4410075"/>
          <p14:tracePt t="13925" x="585788" y="4427538"/>
          <p14:tracePt t="13930" x="585788" y="4435475"/>
          <p14:tracePt t="13937" x="595313" y="4452938"/>
          <p14:tracePt t="13944" x="595313" y="4460875"/>
          <p14:tracePt t="13951" x="603250" y="4460875"/>
          <p14:tracePt t="13958" x="603250" y="4478338"/>
          <p14:tracePt t="13964" x="603250" y="4486275"/>
          <p14:tracePt t="13972" x="603250" y="4495800"/>
          <p14:tracePt t="13979" x="611188" y="4503738"/>
          <p14:tracePt t="13986" x="620713" y="4503738"/>
          <p14:tracePt t="13993" x="620713" y="4513263"/>
          <p14:tracePt t="14000" x="620713" y="4521200"/>
          <p14:tracePt t="14008" x="620713" y="4529138"/>
          <p14:tracePt t="14034" x="611188" y="4529138"/>
          <p14:tracePt t="14361" x="611188" y="4538663"/>
          <p14:tracePt t="14367" x="611188" y="4546600"/>
          <p14:tracePt t="14376" x="620713" y="4546600"/>
          <p14:tracePt t="14380" x="620713" y="4554538"/>
          <p14:tracePt t="14387" x="620713" y="4564063"/>
          <p14:tracePt t="14393" x="620713" y="4572000"/>
          <p14:tracePt t="14401" x="620713" y="4579938"/>
          <p14:tracePt t="14408" x="628650" y="4589463"/>
          <p14:tracePt t="14415" x="628650" y="4597400"/>
          <p14:tracePt t="14422" x="636588" y="4614863"/>
          <p14:tracePt t="14428" x="646113" y="4622800"/>
          <p14:tracePt t="14443" x="646113" y="4630738"/>
          <p14:tracePt t="14449" x="654050" y="4648200"/>
          <p14:tracePt t="14458" x="661988" y="4648200"/>
          <p14:tracePt t="14463" x="661988" y="4657725"/>
          <p14:tracePt t="14470" x="671513" y="4673600"/>
          <p14:tracePt t="14484" x="671513" y="4683125"/>
          <p14:tracePt t="14491" x="679450" y="4699000"/>
          <p14:tracePt t="14504" x="679450" y="4708525"/>
          <p14:tracePt t="14512" x="688975" y="4724400"/>
          <p14:tracePt t="14526" x="696913" y="4733925"/>
          <p14:tracePt t="14532" x="696913" y="4741863"/>
          <p14:tracePt t="14539" x="696913" y="4749800"/>
          <p14:tracePt t="14546" x="696913" y="4759325"/>
          <p14:tracePt t="14553" x="704850" y="4767263"/>
          <p14:tracePt t="14568" x="704850" y="4775200"/>
          <p14:tracePt t="14576" x="714375" y="4775200"/>
          <p14:tracePt t="14581" x="714375" y="4784725"/>
          <p14:tracePt t="14588" x="714375" y="4792663"/>
          <p14:tracePt t="14602" x="714375" y="4802188"/>
          <p14:tracePt t="14616" x="714375" y="4810125"/>
          <p14:tracePt t="14623" x="722313" y="4810125"/>
          <p14:tracePt t="14637" x="722313" y="4818063"/>
          <p14:tracePt t="14644" x="722313" y="4827588"/>
          <p14:tracePt t="14651" x="722313" y="4835525"/>
          <p14:tracePt t="14664" x="722313" y="4843463"/>
          <p14:tracePt t="14671" x="722313" y="4852988"/>
          <p14:tracePt t="14699" x="722313" y="4860925"/>
          <p14:tracePt t="14712" x="722313" y="4868863"/>
          <p14:tracePt t="14726" x="722313" y="4878388"/>
          <p14:tracePt t="14760" x="722313" y="4886325"/>
          <p14:tracePt t="14775" x="722313" y="4894263"/>
          <p14:tracePt t="14809" x="722313" y="4903788"/>
          <p14:tracePt t="14824" x="722313" y="4911725"/>
          <p14:tracePt t="15114" x="722313" y="4919663"/>
          <p14:tracePt t="15465" x="722313" y="4929188"/>
          <p14:tracePt t="15473" x="730250" y="4929188"/>
          <p14:tracePt t="15479" x="730250" y="4937125"/>
          <p14:tracePt t="15486" x="739775" y="4937125"/>
          <p14:tracePt t="15514" x="747713" y="4946650"/>
          <p14:tracePt t="15528" x="747713" y="4954588"/>
          <p14:tracePt t="15535" x="755650" y="4954588"/>
          <p14:tracePt t="15542" x="755650" y="4962525"/>
          <p14:tracePt t="15625" x="765175" y="4962525"/>
          <p14:tracePt t="15639" x="765175" y="4972050"/>
          <p14:tracePt t="15673" x="765175" y="4979988"/>
          <p14:tracePt t="17259" x="765175" y="4987925"/>
          <p14:tracePt t="17279" x="765175" y="4997450"/>
          <p14:tracePt t="17300" x="765175" y="5005388"/>
          <p14:tracePt t="17328" x="765175" y="5013325"/>
          <p14:tracePt t="17342" x="765175" y="5022850"/>
          <p14:tracePt t="17369" x="755650" y="5030788"/>
          <p14:tracePt t="17375" x="755650" y="5038725"/>
          <p14:tracePt t="17383" x="755650" y="5048250"/>
          <p14:tracePt t="17396" x="755650" y="5056188"/>
          <p14:tracePt t="17403" x="755650" y="5064125"/>
          <p14:tracePt t="17410" x="755650" y="5081588"/>
          <p14:tracePt t="17417" x="755650" y="5099050"/>
          <p14:tracePt t="17431" x="755650" y="5124450"/>
          <p14:tracePt t="17438" x="755650" y="5149850"/>
          <p14:tracePt t="17445" x="755650" y="5175250"/>
          <p14:tracePt t="17452" x="755650" y="5200650"/>
          <p14:tracePt t="17459" x="755650" y="5208588"/>
          <p14:tracePt t="17466" x="755650" y="5226050"/>
          <p14:tracePt t="17475" x="755650" y="5235575"/>
          <p14:tracePt t="17486" x="755650" y="5251450"/>
          <p14:tracePt t="17493" x="755650" y="5260975"/>
          <p14:tracePt t="17508" x="755650" y="5268913"/>
          <p14:tracePt t="17514" x="755650" y="5276850"/>
          <p14:tracePt t="17528" x="755650" y="5286375"/>
          <p14:tracePt t="17556" x="755650" y="5294313"/>
          <p14:tracePt t="17577" x="755650" y="5302250"/>
          <p14:tracePt t="17604" x="755650" y="5311775"/>
          <p14:tracePt t="17610" x="765175" y="5311775"/>
          <p14:tracePt t="17618" x="765175" y="5319713"/>
          <p14:tracePt t="17625" x="765175" y="5327650"/>
          <p14:tracePt t="17632" x="765175" y="5337175"/>
          <p14:tracePt t="17637" x="773113" y="5345113"/>
          <p14:tracePt t="17645" x="773113" y="5353050"/>
          <p14:tracePt t="17652" x="790575" y="5370513"/>
          <p14:tracePt t="17658" x="798513" y="5405438"/>
          <p14:tracePt t="17667" x="815975" y="5438775"/>
          <p14:tracePt t="17676" x="831850" y="5489575"/>
          <p14:tracePt t="17681" x="849313" y="5524500"/>
          <p14:tracePt t="17688" x="866775" y="5557838"/>
          <p14:tracePt t="17695" x="874713" y="5591175"/>
          <p14:tracePt t="17702" x="892175" y="5608638"/>
          <p14:tracePt t="17711" x="900113" y="5616575"/>
          <p14:tracePt t="17715" x="909638" y="5641975"/>
          <p14:tracePt t="17725" x="917575" y="5651500"/>
          <p14:tracePt t="17728" x="925513" y="5668963"/>
          <p14:tracePt t="17735" x="935038" y="5676900"/>
          <p14:tracePt t="17745" x="942975" y="5684838"/>
          <p14:tracePt t="17748" x="950913" y="5702300"/>
          <p14:tracePt t="17763" x="968375" y="5710238"/>
          <p14:tracePt t="17770" x="976313" y="5719763"/>
          <p14:tracePt t="17776" x="976313" y="5727700"/>
          <p14:tracePt t="17784" x="993775" y="5735638"/>
          <p14:tracePt t="17790" x="1011238" y="5745163"/>
          <p14:tracePt t="17797" x="1019175" y="5761038"/>
          <p14:tracePt t="17804" x="1028700" y="5770563"/>
          <p14:tracePt t="17811" x="1044575" y="5770563"/>
          <p14:tracePt t="17818" x="1054100" y="5788025"/>
          <p14:tracePt t="17825" x="1062038" y="5795963"/>
          <p14:tracePt t="17840" x="1069975" y="5803900"/>
          <p14:tracePt t="17854" x="1079500" y="5803900"/>
          <p14:tracePt t="17868" x="1087438" y="5813425"/>
          <p14:tracePt t="17889" x="1095375" y="5813425"/>
          <p14:tracePt t="17902" x="1104900" y="5813425"/>
          <p14:tracePt t="17915" x="1104900" y="5795963"/>
          <p14:tracePt t="17923" x="1104900" y="5770563"/>
          <p14:tracePt t="17929" x="1104900" y="5745163"/>
          <p14:tracePt t="17936" x="1104900" y="5710238"/>
          <p14:tracePt t="17942" x="1104900" y="5684838"/>
          <p14:tracePt t="17949" x="1104900" y="5651500"/>
          <p14:tracePt t="17957" x="1104900" y="5634038"/>
          <p14:tracePt t="17963" x="1104900" y="5608638"/>
          <p14:tracePt t="17971" x="1104900" y="5583238"/>
          <p14:tracePt t="17977" x="1104900" y="5575300"/>
          <p14:tracePt t="17984" x="1104900" y="5549900"/>
          <p14:tracePt t="17991" x="1104900" y="5532438"/>
          <p14:tracePt t="17997" x="1104900" y="5514975"/>
          <p14:tracePt t="18006" x="1104900" y="5489575"/>
          <p14:tracePt t="18012" x="1104900" y="5464175"/>
          <p14:tracePt t="18019" x="1104900" y="5446713"/>
          <p14:tracePt t="18025" x="1104900" y="5421313"/>
          <p14:tracePt t="18032" x="1104900" y="5387975"/>
          <p14:tracePt t="18040" x="1112838" y="5345113"/>
          <p14:tracePt t="18046" x="1130300" y="5268913"/>
          <p14:tracePt t="18053" x="1138238" y="5200650"/>
          <p14:tracePt t="18059" x="1147763" y="5106988"/>
          <p14:tracePt t="18067" x="1155700" y="5038725"/>
          <p14:tracePt t="18074" x="1181100" y="4979988"/>
          <p14:tracePt t="18081" x="1181100" y="4929188"/>
          <p14:tracePt t="18087" x="1189038" y="4886325"/>
          <p14:tracePt t="18094" x="1189038" y="4860925"/>
          <p14:tracePt t="18102" x="1189038" y="4843463"/>
          <p14:tracePt t="18108" x="1189038" y="4818063"/>
          <p14:tracePt t="18116" x="1189038" y="4802188"/>
          <p14:tracePt t="18123" x="1198563" y="4792663"/>
          <p14:tracePt t="18129" x="1198563" y="4775200"/>
          <p14:tracePt t="18136" x="1198563" y="4749800"/>
          <p14:tracePt t="18143" x="1206500" y="4733925"/>
          <p14:tracePt t="18150" x="1206500" y="4708525"/>
          <p14:tracePt t="18158" x="1214438" y="4683125"/>
          <p14:tracePt t="18164" x="1214438" y="4665663"/>
          <p14:tracePt t="18171" x="1223963" y="4630738"/>
          <p14:tracePt t="18177" x="1223963" y="4605338"/>
          <p14:tracePt t="18184" x="1223963" y="4579938"/>
          <p14:tracePt t="18192" x="1223963" y="4554538"/>
          <p14:tracePt t="18198" x="1223963" y="4529138"/>
          <p14:tracePt t="18206" x="1231900" y="4503738"/>
          <p14:tracePt t="18212" x="1239838" y="4478338"/>
          <p14:tracePt t="18219" x="1249363" y="4460875"/>
          <p14:tracePt t="18226" x="1249363" y="4445000"/>
          <p14:tracePt t="18233" x="1265238" y="4427538"/>
          <p14:tracePt t="18242" x="1274763" y="4410075"/>
          <p14:tracePt t="18247" x="1290638" y="4402138"/>
          <p14:tracePt t="18254" x="1290638" y="4384675"/>
          <p14:tracePt t="18261" x="1317625" y="4376738"/>
          <p14:tracePt t="18268" x="1333500" y="4376738"/>
          <p14:tracePt t="18274" x="1358900" y="4368800"/>
          <p14:tracePt t="18282" x="1376363" y="4368800"/>
          <p14:tracePt t="18289" x="1401763" y="4368800"/>
          <p14:tracePt t="18295" x="1427163" y="4368800"/>
          <p14:tracePt t="18302" x="1444625" y="4368800"/>
          <p14:tracePt t="18309" x="1462088" y="4368800"/>
          <p14:tracePt t="18316" x="1470025" y="4368800"/>
          <p14:tracePt t="18323" x="1477963" y="4368800"/>
          <p14:tracePt t="18330" x="1487488" y="4376738"/>
          <p14:tracePt t="18351" x="1487488" y="4384675"/>
          <p14:tracePt t="18357" x="1495425" y="4394200"/>
          <p14:tracePt t="18373" x="1503363" y="4394200"/>
          <p14:tracePt t="18378" x="1512888" y="4402138"/>
          <p14:tracePt t="18386" x="1512888" y="4410075"/>
          <p14:tracePt t="18392" x="1512888" y="4419600"/>
          <p14:tracePt t="18399" x="1528763" y="4427538"/>
          <p14:tracePt t="18407" x="1538288" y="4435475"/>
          <p14:tracePt t="18414" x="1546225" y="4452938"/>
          <p14:tracePt t="18421" x="1563688" y="4478338"/>
          <p14:tracePt t="18428" x="1579563" y="4503738"/>
          <p14:tracePt t="18435" x="1597025" y="4538663"/>
          <p14:tracePt t="18443" x="1614488" y="4572000"/>
          <p14:tracePt t="18448" x="1631950" y="4605338"/>
          <p14:tracePt t="18457" x="1639888" y="4640263"/>
          <p14:tracePt t="18461" x="1657350" y="4691063"/>
          <p14:tracePt t="18469" x="1682750" y="4733925"/>
          <p14:tracePt t="18478" x="1698625" y="4802188"/>
          <p14:tracePt t="18482" x="1708150" y="4860925"/>
          <p14:tracePt t="18490" x="1716088" y="4946650"/>
          <p14:tracePt t="18496" x="1733550" y="5030788"/>
          <p14:tracePt t="18502" x="1733550" y="5091113"/>
          <p14:tracePt t="18509" x="1733550" y="5157788"/>
          <p14:tracePt t="18516" x="1733550" y="5218113"/>
          <p14:tracePt t="18523" x="1733550" y="5260975"/>
          <p14:tracePt t="18530" x="1733550" y="5294313"/>
          <p14:tracePt t="18537" x="1733550" y="5327650"/>
          <p14:tracePt t="18544" x="1733550" y="5345113"/>
          <p14:tracePt t="18551" x="1733550" y="5362575"/>
          <p14:tracePt t="18558" x="1733550" y="5380038"/>
          <p14:tracePt t="18565" x="1733550" y="5387975"/>
          <p14:tracePt t="18574" x="1733550" y="5395913"/>
          <p14:tracePt t="18579" x="1733550" y="5413375"/>
          <p14:tracePt t="18586" x="1741488" y="5421313"/>
          <p14:tracePt t="18592" x="1741488" y="5438775"/>
          <p14:tracePt t="18600" x="1749425" y="5446713"/>
          <p14:tracePt t="18607" x="1749425" y="5456238"/>
          <p14:tracePt t="18613" x="1749425" y="5464175"/>
          <p14:tracePt t="18620" x="1758950" y="5472113"/>
          <p14:tracePt t="18627" x="1758950" y="5481638"/>
          <p14:tracePt t="18634" x="1758950" y="5489575"/>
          <p14:tracePt t="18641" x="1766888" y="5497513"/>
          <p14:tracePt t="18648" x="1776413" y="5507038"/>
          <p14:tracePt t="18656" x="1776413" y="5514975"/>
          <p14:tracePt t="18662" x="1784350" y="5524500"/>
          <p14:tracePt t="18669" x="1809750" y="5532438"/>
          <p14:tracePt t="18675" x="1827213" y="5549900"/>
          <p14:tracePt t="18683" x="1852613" y="5565775"/>
          <p14:tracePt t="18690" x="1878013" y="5583238"/>
          <p14:tracePt t="18696" x="1903413" y="5591175"/>
          <p14:tracePt t="18703" x="1911350" y="5600700"/>
          <p14:tracePt t="18710" x="1936750" y="5608638"/>
          <p14:tracePt t="18717" x="1954213" y="5616575"/>
          <p14:tracePt t="18724" x="1971675" y="5626100"/>
          <p14:tracePt t="18739" x="1987550" y="5634038"/>
          <p14:tracePt t="18745" x="1997075" y="5634038"/>
          <p14:tracePt t="18759" x="2005013" y="5634038"/>
          <p14:tracePt t="18766" x="2012950" y="5634038"/>
          <p14:tracePt t="18773" x="2022475" y="5634038"/>
          <p14:tracePt t="18779" x="2030413" y="5634038"/>
          <p14:tracePt t="18786" x="2038350" y="5634038"/>
          <p14:tracePt t="18793" x="2047875" y="5634038"/>
          <p14:tracePt t="18800" x="2055813" y="5626100"/>
          <p14:tracePt t="18807" x="2073275" y="5616575"/>
          <p14:tracePt t="18813" x="2098675" y="5608638"/>
          <p14:tracePt t="18820" x="2106613" y="5591175"/>
          <p14:tracePt t="18827" x="2124075" y="5565775"/>
          <p14:tracePt t="18835" x="2141538" y="5540375"/>
          <p14:tracePt t="18842" x="2157413" y="5507038"/>
          <p14:tracePt t="18849" x="2166938" y="5489575"/>
          <p14:tracePt t="18856" x="2174875" y="5438775"/>
          <p14:tracePt t="18862" x="2192338" y="5395913"/>
          <p14:tracePt t="18869" x="2200275" y="5362575"/>
          <p14:tracePt t="18876" x="2217738" y="5327650"/>
          <p14:tracePt t="18883" x="2235200" y="5294313"/>
          <p14:tracePt t="18890" x="2268538" y="5251450"/>
          <p14:tracePt t="18907" x="2311400" y="5183188"/>
          <p14:tracePt t="18910" x="2336800" y="5149850"/>
          <p14:tracePt t="18918" x="2370138" y="5106988"/>
          <p14:tracePt t="18925" x="2395538" y="5056188"/>
          <p14:tracePt t="18932" x="2430463" y="5013325"/>
          <p14:tracePt t="18939" x="2463800" y="4972050"/>
          <p14:tracePt t="18945" x="2497138" y="4919663"/>
          <p14:tracePt t="18953" x="2524125" y="4886325"/>
          <p14:tracePt t="18959" x="2540000" y="4852988"/>
          <p14:tracePt t="18966" x="2549525" y="4818063"/>
          <p14:tracePt t="18973" x="2574925" y="4784725"/>
          <p14:tracePt t="18982" x="2590800" y="4759325"/>
          <p14:tracePt t="18991" x="2600325" y="4724400"/>
          <p14:tracePt t="18996" x="2616200" y="4699000"/>
          <p14:tracePt t="19003" x="2625725" y="4673600"/>
          <p14:tracePt t="19009" x="2633663" y="4657725"/>
          <p14:tracePt t="19016" x="2633663" y="4640263"/>
          <p14:tracePt t="19022" x="2641600" y="4614863"/>
          <p14:tracePt t="19029" x="2641600" y="4605338"/>
          <p14:tracePt t="19036" x="2651125" y="4579938"/>
          <p14:tracePt t="19042" x="2659063" y="4564063"/>
          <p14:tracePt t="19049" x="2668588" y="4546600"/>
          <p14:tracePt t="19057" x="2676525" y="4538663"/>
          <p14:tracePt t="19063" x="2684463" y="4513263"/>
          <p14:tracePt t="19070" x="2701925" y="4495800"/>
          <p14:tracePt t="19077" x="2701925" y="4478338"/>
          <p14:tracePt t="19084" x="2719388" y="4460875"/>
          <p14:tracePt t="19091" x="2735263" y="4445000"/>
          <p14:tracePt t="19097" x="2752725" y="4427538"/>
          <p14:tracePt t="19106" x="2778125" y="4402138"/>
          <p14:tracePt t="19112" x="2786063" y="4394200"/>
          <p14:tracePt t="19118" x="2811463" y="4376738"/>
          <p14:tracePt t="19125" x="2838450" y="4376738"/>
          <p14:tracePt t="19133" x="2854325" y="4376738"/>
          <p14:tracePt t="19141" x="2863850" y="4368800"/>
          <p14:tracePt t="19146" x="2879725" y="4359275"/>
          <p14:tracePt t="19153" x="2897188" y="4359275"/>
          <p14:tracePt t="19174" x="2905125" y="4359275"/>
          <p14:tracePt t="19181" x="2914650" y="4359275"/>
          <p14:tracePt t="19194" x="2922588" y="4359275"/>
          <p14:tracePt t="19202" x="2940050" y="4359275"/>
          <p14:tracePt t="19215" x="2947988" y="4359275"/>
          <p14:tracePt t="19223" x="2955925" y="4359275"/>
          <p14:tracePt t="19230" x="2965450" y="4368800"/>
          <p14:tracePt t="19236" x="2973388" y="4368800"/>
          <p14:tracePt t="19243" x="2982913" y="4376738"/>
          <p14:tracePt t="19258" x="2990850" y="4376738"/>
          <p14:tracePt t="19263" x="3008313" y="4384675"/>
          <p14:tracePt t="19271" x="3008313" y="4394200"/>
          <p14:tracePt t="19278" x="3016250" y="4402138"/>
          <p14:tracePt t="19285" x="3024188" y="4402138"/>
          <p14:tracePt t="19292" x="3033713" y="4410075"/>
          <p14:tracePt t="19298" x="3041650" y="4410075"/>
          <p14:tracePt t="19306" x="3049588" y="4419600"/>
          <p14:tracePt t="19312" x="3059113" y="4427538"/>
          <p14:tracePt t="19319" x="3067050" y="4435475"/>
          <p14:tracePt t="19326" x="3074988" y="4445000"/>
          <p14:tracePt t="19333" x="3084513" y="4452938"/>
          <p14:tracePt t="19341" x="3092450" y="4460875"/>
          <p14:tracePt t="19346" x="3092450" y="4470400"/>
          <p14:tracePt t="19353" x="3092450" y="4478338"/>
          <p14:tracePt t="19361" x="3100388" y="4486275"/>
          <p14:tracePt t="19367" x="3109913" y="4503738"/>
          <p14:tracePt t="19374" x="3109913" y="4529138"/>
          <p14:tracePt t="19381" x="3117850" y="4554538"/>
          <p14:tracePt t="19389" x="3127375" y="4589463"/>
          <p14:tracePt t="19395" x="3135313" y="4622800"/>
          <p14:tracePt t="19402" x="3143250" y="4673600"/>
          <p14:tracePt t="19409" x="3143250" y="4699000"/>
          <p14:tracePt t="19416" x="3160713" y="4724400"/>
          <p14:tracePt t="19424" x="3168650" y="4759325"/>
          <p14:tracePt t="19429" x="3178175" y="4784725"/>
          <p14:tracePt t="19436" x="3186113" y="4802188"/>
          <p14:tracePt t="19443" x="3186113" y="4827588"/>
          <p14:tracePt t="19450" x="3186113" y="4843463"/>
          <p14:tracePt t="19462" x="3194050" y="4868863"/>
          <p14:tracePt t="19464" x="3203575" y="4886325"/>
          <p14:tracePt t="19471" x="3211513" y="4911725"/>
          <p14:tracePt t="19477" x="3211513" y="4937125"/>
          <p14:tracePt t="19484" x="3219450" y="4954588"/>
          <p14:tracePt t="19491" x="3228975" y="4979988"/>
          <p14:tracePt t="19498" x="3228975" y="4997450"/>
          <p14:tracePt t="19506" x="3236913" y="5005388"/>
          <p14:tracePt t="19512" x="3236913" y="5022850"/>
          <p14:tracePt t="19519" x="3236913" y="5030788"/>
          <p14:tracePt t="19526" x="3244850" y="5030788"/>
          <p14:tracePt t="19533" x="3244850" y="5038725"/>
          <p14:tracePt t="19540" x="3244850" y="5056188"/>
          <p14:tracePt t="19553" x="3254375" y="5064125"/>
          <p14:tracePt t="19560" x="3262313" y="5081588"/>
          <p14:tracePt t="19574" x="3270250" y="5099050"/>
          <p14:tracePt t="19581" x="3270250" y="5116513"/>
          <p14:tracePt t="19589" x="3279775" y="5116513"/>
          <p14:tracePt t="19602" x="3279775" y="5124450"/>
          <p14:tracePt t="19609" x="3287713" y="5132388"/>
          <p14:tracePt t="19616" x="3297238" y="5141913"/>
          <p14:tracePt t="19630" x="3305175" y="5149850"/>
          <p14:tracePt t="19637" x="3322638" y="5157788"/>
          <p14:tracePt t="19644" x="3330575" y="5175250"/>
          <p14:tracePt t="19650" x="3348038" y="5183188"/>
          <p14:tracePt t="19658" x="3363913" y="5200650"/>
          <p14:tracePt t="19664" x="3381375" y="5208588"/>
          <p14:tracePt t="19672" x="3389313" y="5226050"/>
          <p14:tracePt t="19678" x="3406775" y="5235575"/>
          <p14:tracePt t="19685" x="3424238" y="5235575"/>
          <p14:tracePt t="19692" x="3432175" y="5251450"/>
          <p14:tracePt t="19699" x="3441700" y="5260975"/>
          <p14:tracePt t="19706" x="3457575" y="5268913"/>
          <p14:tracePt t="19713" x="3475038" y="5276850"/>
          <p14:tracePt t="19720" x="3482975" y="5276850"/>
          <p14:tracePt t="19727" x="3500438" y="5286375"/>
          <p14:tracePt t="19733" x="3517900" y="5294313"/>
          <p14:tracePt t="19740" x="3517900" y="5302250"/>
          <p14:tracePt t="19747" x="3543300" y="5311775"/>
          <p14:tracePt t="19756" x="3551238" y="5311775"/>
          <p14:tracePt t="19761" x="3568700" y="5311775"/>
          <p14:tracePt t="19768" x="3586163" y="5311775"/>
          <p14:tracePt t="19775" x="3594100" y="5319713"/>
          <p14:tracePt t="19782" x="3611563" y="5319713"/>
          <p14:tracePt t="19789" x="3627438" y="5319713"/>
          <p14:tracePt t="19803" x="3644900" y="5319713"/>
          <p14:tracePt t="19809" x="3662363" y="5319713"/>
          <p14:tracePt t="19816" x="3670300" y="5319713"/>
          <p14:tracePt t="19824" x="3695700" y="5319713"/>
          <p14:tracePt t="19830" x="3738563" y="5294313"/>
          <p14:tracePt t="19836" x="3703638" y="5311775"/>
          <p14:tracePt t="20462" x="3586163" y="5311775"/>
          <p14:tracePt t="20469" x="3457575" y="5294313"/>
          <p14:tracePt t="20477" x="3313113" y="5260975"/>
          <p14:tracePt t="20484" x="3211513" y="5226050"/>
          <p14:tracePt t="20492" x="3135313" y="5183188"/>
          <p14:tracePt t="20496" x="3074988" y="5141913"/>
          <p14:tracePt t="20503" x="3016250" y="5081588"/>
          <p14:tracePt t="20510" x="2982913" y="5056188"/>
          <p14:tracePt t="20516" x="2947988" y="5022850"/>
          <p14:tracePt t="20523" x="2905125" y="4972050"/>
          <p14:tracePt t="20529" x="2863850" y="4929188"/>
          <p14:tracePt t="20537" x="2828925" y="4894263"/>
          <p14:tracePt t="20544" x="2760663" y="4835525"/>
          <p14:tracePt t="20550" x="2693988" y="4767263"/>
          <p14:tracePt t="20557" x="2600325" y="4699000"/>
          <p14:tracePt t="20564" x="2514600" y="4622800"/>
          <p14:tracePt t="20572" x="2420938" y="4554538"/>
          <p14:tracePt t="20578" x="2327275" y="4470400"/>
          <p14:tracePt t="20585" x="2217738" y="4376738"/>
          <p14:tracePt t="20592" x="2124075" y="4283075"/>
          <p14:tracePt t="20599" x="2047875" y="4197350"/>
          <p14:tracePt t="20606" x="1936750" y="4105275"/>
          <p14:tracePt t="20613" x="1843088" y="4002088"/>
          <p14:tracePt t="20620" x="1784350" y="3908425"/>
          <p14:tracePt t="20626" x="1758950" y="3832225"/>
          <p14:tracePt t="20633" x="1724025" y="3756025"/>
          <p14:tracePt t="20640" x="1682750" y="3697288"/>
          <p14:tracePt t="20647" x="1657350" y="3629025"/>
          <p14:tracePt t="20654" x="1639888" y="3594100"/>
          <p14:tracePt t="20661" x="1631950" y="3560763"/>
          <p14:tracePt t="20668" x="1631950" y="3543300"/>
          <p14:tracePt t="20675" x="1614488" y="3527425"/>
          <p14:tracePt t="20682" x="1614488" y="3502025"/>
          <p14:tracePt t="20689" x="1614488" y="3492500"/>
          <p14:tracePt t="20696" x="1606550" y="3475038"/>
          <p14:tracePt t="20703" x="1597025" y="3449638"/>
          <p14:tracePt t="20709" x="1579563" y="3424238"/>
          <p14:tracePt t="20717" x="1571625" y="3408363"/>
          <p14:tracePt t="20724" x="1563688" y="3382963"/>
          <p14:tracePt t="20730" x="1538288" y="3348038"/>
          <p14:tracePt t="20738" x="1495425" y="3297238"/>
          <p14:tracePt t="20744" x="1444625" y="3221038"/>
          <p14:tracePt t="20751" x="1401763" y="3152775"/>
          <p14:tracePt t="20758" x="1368425" y="3076575"/>
          <p14:tracePt t="20765" x="1333500" y="3016250"/>
          <p14:tracePt t="20773" x="1300163" y="2940050"/>
          <p14:tracePt t="20779" x="1274763" y="2871788"/>
          <p14:tracePt t="20786" x="1239838" y="2813050"/>
          <p14:tracePt t="20793" x="1214438" y="2752725"/>
          <p14:tracePt t="20800" x="1198563" y="2719388"/>
          <p14:tracePt t="20808" x="1189038" y="2668588"/>
          <p14:tracePt t="20813" x="1181100" y="2651125"/>
          <p14:tracePt t="20820" x="1181100" y="2625725"/>
          <p14:tracePt t="20827" x="1173163" y="2600325"/>
          <p14:tracePt t="20834" x="1163638" y="2582863"/>
          <p14:tracePt t="20841" x="1163638" y="2566988"/>
          <p14:tracePt t="20847" x="1163638" y="2557463"/>
          <p14:tracePt t="20855" x="1155700" y="2541588"/>
          <p14:tracePt t="20869" x="1147763" y="2532063"/>
          <p14:tracePt t="20876" x="1147763" y="2524125"/>
          <p14:tracePt t="20905" x="1138238" y="2524125"/>
          <p14:tracePt t="20993" x="1130300" y="2524125"/>
          <p14:tracePt t="21013" x="1120775" y="2524125"/>
          <p14:tracePt t="21070" x="1120775" y="2532063"/>
          <p14:tracePt t="21097" x="1120775" y="2541588"/>
          <p14:tracePt t="21103" x="1120775" y="2549525"/>
          <p14:tracePt t="21110" x="1120775" y="2557463"/>
          <p14:tracePt t="21124" x="1120775" y="2566988"/>
          <p14:tracePt t="21131" x="1120775" y="2574925"/>
          <p14:tracePt t="21152" x="1120775" y="2582863"/>
          <p14:tracePt t="21159" x="1120775" y="2592388"/>
          <p14:tracePt t="21173" x="1120775" y="2600325"/>
          <p14:tracePt t="21180" x="1120775" y="2608263"/>
          <p14:tracePt t="21186" x="1120775" y="2617788"/>
          <p14:tracePt t="21201" x="1120775" y="2633663"/>
          <p14:tracePt t="21207" x="1120775" y="2643188"/>
          <p14:tracePt t="21222" x="1120775" y="2660650"/>
          <p14:tracePt t="21242" x="1120775" y="2668588"/>
          <p14:tracePt t="21249" x="1120775" y="2676525"/>
          <p14:tracePt t="21257" x="1120775" y="2686050"/>
          <p14:tracePt t="21270" x="1120775" y="2693988"/>
          <p14:tracePt t="21277" x="1120775" y="2701925"/>
          <p14:tracePt t="21291" x="1120775" y="2711450"/>
          <p14:tracePt t="21297" x="1120775" y="2719388"/>
          <p14:tracePt t="21305" x="1120775" y="2727325"/>
          <p14:tracePt t="21318" x="1120775" y="2736850"/>
          <p14:tracePt t="21325" x="1120775" y="2744788"/>
          <p14:tracePt t="21340" x="1112838" y="2752725"/>
          <p14:tracePt t="21345" x="1112838" y="2762250"/>
          <p14:tracePt t="21360" x="1112838" y="2770188"/>
          <p14:tracePt t="21373" x="1104900" y="2778125"/>
          <p14:tracePt t="21380" x="1104900" y="2787650"/>
          <p14:tracePt t="21401" x="1104900" y="2795588"/>
          <p14:tracePt t="21414" x="1104900" y="2805113"/>
          <p14:tracePt t="21428" x="1104900" y="2813050"/>
          <p14:tracePt t="21456" x="1104900" y="2820988"/>
          <p14:tracePt t="21470" x="1104900" y="2830513"/>
          <p14:tracePt t="21484" x="1104900" y="2846388"/>
          <p14:tracePt t="21491" x="1104900" y="2871788"/>
          <p14:tracePt t="21525" x="1104900" y="2881313"/>
          <p14:tracePt t="21540" x="1104900" y="2889250"/>
          <p14:tracePt t="21553" x="1104900" y="2897188"/>
          <p14:tracePt t="21574" x="1104900" y="2906713"/>
          <p14:tracePt t="21581" x="1104900" y="2914650"/>
          <p14:tracePt t="21595" x="1104900" y="2922588"/>
          <p14:tracePt t="21608" x="1104900" y="2932113"/>
          <p14:tracePt t="21623" x="1104900" y="2940050"/>
          <p14:tracePt t="21657" x="1104900" y="2949575"/>
          <p14:tracePt t="21671" x="1104900" y="2957513"/>
          <p14:tracePt t="21698" x="1095375" y="2957513"/>
          <p14:tracePt t="21712" x="1095375" y="2965450"/>
          <p14:tracePt t="21719" x="1087438" y="2965450"/>
          <p14:tracePt t="21754" x="1087438" y="2974975"/>
          <p14:tracePt t="21830" x="1087438" y="2982913"/>
          <p14:tracePt t="21850" x="1079500" y="2982913"/>
          <p14:tracePt t="21885" x="1069975" y="2982913"/>
          <p14:tracePt t="21934" x="1062038" y="2982913"/>
          <p14:tracePt t="21968" x="1062038" y="2990850"/>
          <p14:tracePt t="22099" x="1079500" y="2990850"/>
          <p14:tracePt t="22105" x="1069975" y="2990850"/>
          <p14:tracePt t="29758" x="1062038" y="3109913"/>
          <p14:tracePt t="29765" x="1044575" y="3246438"/>
          <p14:tracePt t="29771" x="1028700" y="3365500"/>
          <p14:tracePt t="29778" x="1011238" y="3467100"/>
          <p14:tracePt t="29789" x="1003300" y="3568700"/>
          <p14:tracePt t="29792" x="1003300" y="3654425"/>
          <p14:tracePt t="29799" x="993775" y="3748088"/>
          <p14:tracePt t="29807" x="976313" y="3841750"/>
          <p14:tracePt t="29813" x="976313" y="3925888"/>
          <p14:tracePt t="29821" x="976313" y="4011613"/>
          <p14:tracePt t="29826" x="976313" y="4079875"/>
          <p14:tracePt t="29834" x="985838" y="4138613"/>
          <p14:tracePt t="29841" x="985838" y="4181475"/>
          <p14:tracePt t="29848" x="993775" y="4232275"/>
          <p14:tracePt t="29855" x="993775" y="4275138"/>
          <p14:tracePt t="29861" x="993775" y="4308475"/>
          <p14:tracePt t="29872" x="993775" y="4333875"/>
          <p14:tracePt t="29875" x="993775" y="4368800"/>
          <p14:tracePt t="29882" x="993775" y="4410075"/>
          <p14:tracePt t="29889" x="993775" y="4452938"/>
          <p14:tracePt t="29896" x="993775" y="4486275"/>
          <p14:tracePt t="29902" x="993775" y="4521200"/>
          <p14:tracePt t="29909" x="1003300" y="4564063"/>
          <p14:tracePt t="29916" x="1011238" y="4597400"/>
          <p14:tracePt t="29922" x="1011238" y="4614863"/>
          <p14:tracePt t="29930" x="1019175" y="4640263"/>
          <p14:tracePt t="29936" x="1028700" y="4665663"/>
          <p14:tracePt t="29945" x="1028700" y="4699000"/>
          <p14:tracePt t="29954" x="1028700" y="4716463"/>
          <p14:tracePt t="29958" x="1036638" y="4749800"/>
          <p14:tracePt t="29965" x="1036638" y="4775200"/>
          <p14:tracePt t="29973" x="1036638" y="4810125"/>
          <p14:tracePt t="29977" x="1036638" y="4827588"/>
          <p14:tracePt t="29985" x="1044575" y="4843463"/>
          <p14:tracePt t="29991" x="1054100" y="4868863"/>
          <p14:tracePt t="29999" x="1062038" y="4886325"/>
          <p14:tracePt t="30006" x="1069975" y="4903788"/>
          <p14:tracePt t="30012" x="1079500" y="4919663"/>
          <p14:tracePt t="30019" x="1087438" y="4946650"/>
          <p14:tracePt t="30027" x="1095375" y="4962525"/>
          <p14:tracePt t="30037" x="1112838" y="4997450"/>
          <p14:tracePt t="30041" x="1130300" y="5022850"/>
          <p14:tracePt t="30048" x="1147763" y="5056188"/>
          <p14:tracePt t="30055" x="1173163" y="5124450"/>
          <p14:tracePt t="30061" x="1206500" y="5167313"/>
          <p14:tracePt t="30069" x="1231900" y="5235575"/>
          <p14:tracePt t="30074" x="1274763" y="5286375"/>
          <p14:tracePt t="30082" x="1308100" y="5337175"/>
          <p14:tracePt t="30102" x="1376363" y="5413375"/>
          <p14:tracePt t="30109" x="1384300" y="5430838"/>
          <p14:tracePt t="30115" x="1401763" y="5456238"/>
          <p14:tracePt t="30122" x="1427163" y="5481638"/>
          <p14:tracePt t="30129" x="1444625" y="5497513"/>
          <p14:tracePt t="30137" x="1477963" y="5514975"/>
          <p14:tracePt t="30143" x="1503363" y="5540375"/>
          <p14:tracePt t="30150" x="1528763" y="5549900"/>
          <p14:tracePt t="30157" x="1563688" y="5565775"/>
          <p14:tracePt t="30164" x="1579563" y="5583238"/>
          <p14:tracePt t="30171" x="1614488" y="5600700"/>
          <p14:tracePt t="30178" x="1639888" y="5626100"/>
          <p14:tracePt t="30185" x="1673225" y="5641975"/>
          <p14:tracePt t="30192" x="1708150" y="5659438"/>
          <p14:tracePt t="30199" x="1733550" y="5676900"/>
          <p14:tracePt t="30206" x="1758950" y="5684838"/>
          <p14:tracePt t="30212" x="1784350" y="5694363"/>
          <p14:tracePt t="30220" x="1792288" y="5702300"/>
          <p14:tracePt t="30226" x="1801813" y="5710238"/>
          <p14:tracePt t="30233" x="1809750" y="5710238"/>
          <p14:tracePt t="30241" x="1817688" y="5710238"/>
          <p14:tracePt t="30275" x="1827213" y="5710238"/>
          <p14:tracePt t="30289" x="1835150" y="5710238"/>
          <p14:tracePt t="30310" x="1835150" y="5702300"/>
          <p14:tracePt t="32393" x="1827213" y="5745163"/>
          <p14:tracePt t="32400" x="1792288" y="5778500"/>
          <p14:tracePt t="32407" x="1766888" y="5813425"/>
          <p14:tracePt t="32414" x="1749425" y="5838825"/>
          <p14:tracePt t="32422" x="1741488" y="5854700"/>
          <p14:tracePt t="32427" x="1733550" y="5872163"/>
          <p14:tracePt t="32437" x="1716088" y="5889625"/>
          <p14:tracePt t="32441" x="1698625" y="5915025"/>
          <p14:tracePt t="32449" x="1690688" y="5940425"/>
          <p14:tracePt t="32457" x="1673225" y="5965825"/>
          <p14:tracePt t="32461" x="1657350" y="5983288"/>
          <p14:tracePt t="32468" x="1647825" y="6008688"/>
          <p14:tracePt t="32475" x="1631950" y="6034088"/>
          <p14:tracePt t="32482" x="1631950" y="6059488"/>
          <p14:tracePt t="32488" x="1622425" y="6084888"/>
          <p14:tracePt t="32496" x="1606550" y="6092825"/>
          <p14:tracePt t="32503" x="1597025" y="6118225"/>
          <p14:tracePt t="32509" x="1589088" y="6143625"/>
          <p14:tracePt t="32518" x="1571625" y="6161088"/>
          <p14:tracePt t="32523" x="1563688" y="6178550"/>
          <p14:tracePt t="32531" x="1554163" y="6194425"/>
          <p14:tracePt t="32538" x="1554163" y="6211888"/>
          <p14:tracePt t="32544" x="1546225" y="6221413"/>
          <p14:tracePt t="32552" x="1538288" y="6246813"/>
          <p14:tracePt t="32558" x="1528763" y="6262688"/>
          <p14:tracePt t="32565" x="1528763" y="6272213"/>
          <p14:tracePt t="32572" x="1520825" y="6280150"/>
          <p14:tracePt t="32579" x="1520825" y="6288088"/>
          <p14:tracePt t="32586" x="1512888" y="6297613"/>
          <p14:tracePt t="32601" x="1512888" y="6305550"/>
          <p14:tracePt t="32606" x="1512888" y="6313488"/>
          <p14:tracePt t="32620" x="1512888" y="6323013"/>
          <p14:tracePt t="32627" x="1512888" y="6330950"/>
          <p14:tracePt t="32635" x="1512888" y="6338888"/>
          <p14:tracePt t="32641" x="1503363" y="6338888"/>
          <p14:tracePt t="32654" x="1495425" y="6348413"/>
          <p14:tracePt t="32661" x="1495425" y="6356350"/>
          <p14:tracePt t="32684" x="1495425" y="6365875"/>
          <p14:tracePt t="32690" x="1487488" y="6365875"/>
          <p14:tracePt t="32697" x="1487488" y="6373813"/>
          <p14:tracePt t="32705" x="1477963" y="6373813"/>
          <p14:tracePt t="32711" x="1477963" y="6381750"/>
          <p14:tracePt t="32746" x="1470025" y="6381750"/>
          <p14:tracePt t="32773" x="1462088" y="6381750"/>
          <p14:tracePt t="32780" x="1462088" y="6373813"/>
          <p14:tracePt t="32794" x="1452563" y="6365875"/>
          <p14:tracePt t="32828" x="1452563" y="6356350"/>
          <p14:tracePt t="32835" x="1444625" y="6356350"/>
          <p14:tracePt t="32842" x="1444625" y="6348413"/>
          <p14:tracePt t="32849" x="1435100" y="6348413"/>
          <p14:tracePt t="32877" x="1435100" y="6338888"/>
          <p14:tracePt t="32891" x="1435100" y="6330950"/>
          <p14:tracePt t="32911" x="1435100" y="6323013"/>
          <p14:tracePt t="32932" x="1427163" y="6323013"/>
          <p14:tracePt t="32952" x="1419225" y="6323013"/>
          <p14:tracePt t="33064" x="1409700" y="6313488"/>
          <p14:tracePt t="33078" x="1409700" y="6305550"/>
          <p14:tracePt t="33098" x="1401763" y="6305550"/>
          <p14:tracePt t="33112" x="1393825" y="6305550"/>
          <p14:tracePt t="33120" x="1393825" y="6297613"/>
          <p14:tracePt t="33140" x="1393825" y="6288088"/>
          <p14:tracePt t="33147" x="1384300" y="6288088"/>
          <p14:tracePt t="33160" x="1384300" y="6280150"/>
          <p14:tracePt t="33168" x="1376363" y="6280150"/>
          <p14:tracePt t="33180" x="1368425" y="6280150"/>
          <p14:tracePt t="33201" x="1368425" y="6272213"/>
          <p14:tracePt t="33208" x="1358900" y="6272213"/>
          <p14:tracePt t="33215" x="1358900" y="6262688"/>
          <p14:tracePt t="33229" x="1350963" y="6262688"/>
          <p14:tracePt t="33250" x="1343025" y="6254750"/>
          <p14:tracePt t="33256" x="1333500" y="6254750"/>
          <p14:tracePt t="33263" x="1325563" y="6246813"/>
          <p14:tracePt t="33277" x="1325563" y="6237288"/>
          <p14:tracePt t="33286" x="1317625" y="6237288"/>
          <p14:tracePt t="33291" x="1308100" y="6237288"/>
          <p14:tracePt t="33305" x="1300163" y="6237288"/>
          <p14:tracePt t="33312" x="1290638" y="6229350"/>
          <p14:tracePt t="33319" x="1282700" y="6229350"/>
          <p14:tracePt t="33325" x="1282700" y="6221413"/>
          <p14:tracePt t="33339" x="1274763" y="6221413"/>
          <p14:tracePt t="33346" x="1265238" y="6221413"/>
          <p14:tracePt t="33360" x="1265238" y="6211888"/>
          <p14:tracePt t="33374" x="1265238" y="6203950"/>
          <p14:tracePt t="33381" x="1257300" y="6203950"/>
          <p14:tracePt t="33395" x="1249363" y="6203950"/>
          <p14:tracePt t="33416" x="1239838" y="6203950"/>
          <p14:tracePt t="33526" x="1231900" y="6203950"/>
          <p14:tracePt t="33548" x="1223963" y="6203950"/>
          <p14:tracePt t="33554" x="1223963" y="6194425"/>
          <p14:tracePt t="33582" x="1223963" y="6186488"/>
          <p14:tracePt t="33596" x="1223963" y="6178550"/>
          <p14:tracePt t="33630" x="1223963" y="6169025"/>
          <p14:tracePt t="33644" x="1223963" y="6161088"/>
          <p14:tracePt t="33678" x="1223963" y="6153150"/>
          <p14:tracePt t="33693" x="1223963" y="6143625"/>
          <p14:tracePt t="33706" x="1223963" y="6135688"/>
          <p14:tracePt t="33727" x="1223963" y="6127750"/>
          <p14:tracePt t="33741" x="1214438" y="6118225"/>
          <p14:tracePt t="33755" x="1214438" y="6110288"/>
          <p14:tracePt t="33762" x="1206500" y="6110288"/>
          <p14:tracePt t="33769" x="1206500" y="6102350"/>
          <p14:tracePt t="33775" x="1206500" y="6092825"/>
          <p14:tracePt t="33795" x="1198563" y="6084888"/>
          <p14:tracePt t="33803" x="1198563" y="6076950"/>
          <p14:tracePt t="33809" x="1189038" y="6076950"/>
          <p14:tracePt t="33823" x="1189038" y="6067425"/>
          <p14:tracePt t="33830" x="1181100" y="6059488"/>
          <p14:tracePt t="33837" x="1181100" y="6049963"/>
          <p14:tracePt t="33851" x="1181100" y="6042025"/>
          <p14:tracePt t="33858" x="1173163" y="6034088"/>
          <p14:tracePt t="33872" x="1173163" y="6024563"/>
          <p14:tracePt t="33901" x="1173163" y="6008688"/>
          <p14:tracePt t="33927" x="1173163" y="5999163"/>
          <p14:tracePt t="33941" x="1173163" y="5991225"/>
          <p14:tracePt t="34246" x="1181100" y="5991225"/>
          <p14:tracePt t="34267" x="1189038" y="5991225"/>
          <p14:tracePt t="34287" x="1198563" y="5991225"/>
          <p14:tracePt t="34315" x="1206500" y="5991225"/>
          <p14:tracePt t="34322" x="1214438" y="5991225"/>
          <p14:tracePt t="34336" x="1223963" y="5991225"/>
          <p14:tracePt t="34350" x="1231900" y="5991225"/>
          <p14:tracePt t="34363" x="1239838" y="5991225"/>
          <p14:tracePt t="34370" x="1249363" y="5991225"/>
          <p14:tracePt t="34377" x="1257300" y="5991225"/>
          <p14:tracePt t="34391" x="1265238" y="5991225"/>
          <p14:tracePt t="34398" x="1274763" y="5991225"/>
          <p14:tracePt t="34412" x="1290638" y="5991225"/>
          <p14:tracePt t="34419" x="1308100" y="5991225"/>
          <p14:tracePt t="34425" x="1325563" y="5991225"/>
          <p14:tracePt t="34434" x="1358900" y="5991225"/>
          <p14:tracePt t="34439" x="1401763" y="5991225"/>
          <p14:tracePt t="34446" x="1444625" y="5991225"/>
          <p14:tracePt t="34453" x="1503363" y="5991225"/>
          <p14:tracePt t="34460" x="1579563" y="5991225"/>
          <p14:tracePt t="34467" x="1622425" y="5999163"/>
          <p14:tracePt t="34475" x="1682750" y="5999163"/>
          <p14:tracePt t="34482" x="1724025" y="5999163"/>
          <p14:tracePt t="34489" x="1766888" y="5999163"/>
          <p14:tracePt t="34496" x="1809750" y="5999163"/>
          <p14:tracePt t="34504" x="1852613" y="5999163"/>
          <p14:tracePt t="34509" x="1911350" y="6016625"/>
          <p14:tracePt t="34520" x="1971675" y="6016625"/>
          <p14:tracePt t="34523" x="2047875" y="6016625"/>
          <p14:tracePt t="34530" x="2132013" y="6016625"/>
          <p14:tracePt t="34539" x="2182813" y="6016625"/>
          <p14:tracePt t="34543" x="2260600" y="6016625"/>
          <p14:tracePt t="34550" x="2319338" y="6016625"/>
          <p14:tracePt t="34557" x="2370138" y="6016625"/>
          <p14:tracePt t="34564" x="2420938" y="6016625"/>
          <p14:tracePt t="34570" x="2471738" y="6016625"/>
          <p14:tracePt t="34578" x="2532063" y="6016625"/>
          <p14:tracePt t="34585" x="2574925" y="6016625"/>
          <p14:tracePt t="34591" x="2633663" y="6016625"/>
          <p14:tracePt t="34598" x="2693988" y="6016625"/>
          <p14:tracePt t="34605" x="2752725" y="6016625"/>
          <p14:tracePt t="34612" x="2795588" y="6016625"/>
          <p14:tracePt t="34619" x="2854325" y="6016625"/>
          <p14:tracePt t="34626" x="2905125" y="6016625"/>
          <p14:tracePt t="34634" x="2965450" y="6016625"/>
          <p14:tracePt t="34641" x="3024188" y="6016625"/>
          <p14:tracePt t="34647" x="3084513" y="6016625"/>
          <p14:tracePt t="34654" x="3127375" y="6016625"/>
          <p14:tracePt t="34660" x="3168650" y="6024563"/>
          <p14:tracePt t="34667" x="3211513" y="6024563"/>
          <p14:tracePt t="34674" x="3262313" y="6024563"/>
          <p14:tracePt t="34682" x="3305175" y="6024563"/>
          <p14:tracePt t="34688" x="3348038" y="6024563"/>
          <p14:tracePt t="34696" x="3381375" y="6024563"/>
          <p14:tracePt t="34702" x="3424238" y="6024563"/>
          <p14:tracePt t="34709" x="3449638" y="6024563"/>
          <p14:tracePt t="34717" x="3492500" y="6024563"/>
          <p14:tracePt t="34723" x="3533775" y="6024563"/>
          <p14:tracePt t="34730" x="3586163" y="6024563"/>
          <p14:tracePt t="34737" x="3611563" y="6024563"/>
          <p14:tracePt t="34744" x="3652838" y="6024563"/>
          <p14:tracePt t="34752" x="3703638" y="6024563"/>
          <p14:tracePt t="34758" x="3789363" y="6024563"/>
          <p14:tracePt t="34765" x="3883025" y="6024563"/>
          <p14:tracePt t="34772" x="3959225" y="6034088"/>
          <p14:tracePt t="34779" x="4017963" y="6034088"/>
          <p14:tracePt t="34786" x="4078288" y="6042025"/>
          <p14:tracePt t="34792" x="4121150" y="6042025"/>
          <p14:tracePt t="34799" x="4162425" y="6049963"/>
          <p14:tracePt t="34806" x="4205288" y="6049963"/>
          <p14:tracePt t="34813" x="4256088" y="6059488"/>
          <p14:tracePt t="34820" x="4291013" y="6067425"/>
          <p14:tracePt t="34827" x="4332288" y="6076950"/>
          <p14:tracePt t="34835" x="4367213" y="6084888"/>
          <p14:tracePt t="34842" x="4400550" y="6092825"/>
          <p14:tracePt t="34849" x="4425950" y="6092825"/>
          <p14:tracePt t="34857" x="4451350" y="6102350"/>
          <p14:tracePt t="34863" x="4476750" y="6102350"/>
          <p14:tracePt t="34868" x="4503738" y="6102350"/>
          <p14:tracePt t="34875" x="4511675" y="6102350"/>
          <p14:tracePt t="34884" x="4537075" y="6102350"/>
          <p14:tracePt t="34901" x="4562475" y="6102350"/>
          <p14:tracePt t="34903" x="4579938" y="6102350"/>
          <p14:tracePt t="34910" x="4605338" y="6102350"/>
          <p14:tracePt t="34917" x="4621213" y="6102350"/>
          <p14:tracePt t="34923" x="4656138" y="6102350"/>
          <p14:tracePt t="34931" x="4673600" y="6110288"/>
          <p14:tracePt t="34937" x="4706938" y="6110288"/>
          <p14:tracePt t="34944" x="4740275" y="6118225"/>
          <p14:tracePt t="34951" x="4775200" y="6118225"/>
          <p14:tracePt t="34958" x="4791075" y="6118225"/>
          <p14:tracePt t="34965" x="4818063" y="6127750"/>
          <p14:tracePt t="34972" x="4843463" y="6127750"/>
          <p14:tracePt t="34979" x="4859338" y="6135688"/>
          <p14:tracePt t="34986" x="4868863" y="6135688"/>
          <p14:tracePt t="34993" x="4884738" y="6135688"/>
          <p14:tracePt t="35000" x="4910138" y="6143625"/>
          <p14:tracePt t="35007" x="4919663" y="6143625"/>
          <p14:tracePt t="35014" x="4935538" y="6143625"/>
          <p14:tracePt t="35020" x="4945063" y="6143625"/>
          <p14:tracePt t="35027" x="4962525" y="6143625"/>
          <p14:tracePt t="35034" x="4978400" y="6143625"/>
          <p14:tracePt t="35048" x="4995863" y="6143625"/>
          <p14:tracePt t="35055" x="5003800" y="6143625"/>
          <p14:tracePt t="35062" x="5013325" y="6143625"/>
          <p14:tracePt t="35069" x="5021263" y="6143625"/>
          <p14:tracePt t="35076" x="5029200" y="6143625"/>
          <p14:tracePt t="35085" x="5038725" y="6143625"/>
          <p14:tracePt t="35090" x="5046663" y="6143625"/>
          <p14:tracePt t="35097" x="5054600" y="6143625"/>
          <p14:tracePt t="35104" x="5064125" y="6143625"/>
          <p14:tracePt t="35111" x="5072063" y="6143625"/>
          <p14:tracePt t="35124" x="5089525" y="6143625"/>
          <p14:tracePt t="35131" x="5097463" y="6143625"/>
          <p14:tracePt t="35138" x="5106988" y="6143625"/>
          <p14:tracePt t="35145" x="5114925" y="6153150"/>
          <p14:tracePt t="35152" x="5122863" y="6153150"/>
          <p14:tracePt t="35159" x="5132388" y="6153150"/>
          <p14:tracePt t="35167" x="5140325" y="6161088"/>
          <p14:tracePt t="35172" x="5148263" y="6161088"/>
          <p14:tracePt t="35180" x="5157788" y="6161088"/>
          <p14:tracePt t="35186" x="5165725" y="6161088"/>
          <p14:tracePt t="35201" x="5183188" y="6161088"/>
          <p14:tracePt t="35207" x="5191125" y="6161088"/>
          <p14:tracePt t="35221" x="5208588" y="6161088"/>
          <p14:tracePt t="35228" x="5216525" y="6161088"/>
          <p14:tracePt t="35242" x="5224463" y="6161088"/>
          <p14:tracePt t="35249" x="5233988" y="6161088"/>
          <p14:tracePt t="35255" x="5241925" y="6161088"/>
          <p14:tracePt t="35269" x="5249863" y="6161088"/>
          <p14:tracePt t="35276" x="5259388" y="6161088"/>
          <p14:tracePt t="35284" x="5267325" y="6161088"/>
          <p14:tracePt t="35297" x="5276850" y="6161088"/>
          <p14:tracePt t="35304" x="5284788" y="6169025"/>
          <p14:tracePt t="35319" x="5302250" y="6178550"/>
          <p14:tracePt t="35325" x="5310188" y="6178550"/>
          <p14:tracePt t="35346" x="5318125" y="6178550"/>
          <p14:tracePt t="35353" x="5335588" y="6186488"/>
          <p14:tracePt t="35359" x="5343525" y="6186488"/>
          <p14:tracePt t="37215" x="5403850" y="6092825"/>
          <p14:tracePt t="37221" x="5591175" y="5838825"/>
          <p14:tracePt t="37227" x="5794375" y="5600700"/>
          <p14:tracePt t="37234" x="5921375" y="5446713"/>
          <p14:tracePt t="37241" x="6007100" y="5337175"/>
          <p14:tracePt t="37248" x="6065838" y="5260975"/>
          <p14:tracePt t="37255" x="6108700" y="5192713"/>
          <p14:tracePt t="37262" x="6159500" y="5116513"/>
          <p14:tracePt t="37268" x="6245225" y="5038725"/>
          <p14:tracePt t="37276" x="6296025" y="4962525"/>
          <p14:tracePt t="37283" x="6372225" y="4894263"/>
          <p14:tracePt t="37289" x="6448425" y="4802188"/>
          <p14:tracePt t="37297" x="6508750" y="4733925"/>
          <p14:tracePt t="37303" x="6575425" y="4665663"/>
          <p14:tracePt t="37311" x="6618288" y="4614863"/>
          <p14:tracePt t="37318" x="6669088" y="4554538"/>
          <p14:tracePt t="37324" x="6711950" y="4503738"/>
          <p14:tracePt t="37331" x="6754813" y="4460875"/>
          <p14:tracePt t="37338" x="6780213" y="4410075"/>
          <p14:tracePt t="37345" x="6805613" y="4376738"/>
          <p14:tracePt t="37352" x="6838950" y="4341813"/>
          <p14:tracePt t="37359" x="6873875" y="4300538"/>
          <p14:tracePt t="37367" x="6915150" y="4265613"/>
          <p14:tracePt t="37373" x="6950075" y="4214813"/>
          <p14:tracePt t="37380" x="6992938" y="4171950"/>
          <p14:tracePt t="37386" x="7034213" y="4121150"/>
          <p14:tracePt t="37393" x="7059613" y="4070350"/>
          <p14:tracePt t="37400" x="7094538" y="4037013"/>
          <p14:tracePt t="37407" x="7119938" y="3986213"/>
          <p14:tracePt t="37414" x="7153275" y="3935413"/>
          <p14:tracePt t="37421" x="7196138" y="3875088"/>
          <p14:tracePt t="37428" x="7221538" y="3806825"/>
          <p14:tracePt t="37435" x="7246938" y="3773488"/>
          <p14:tracePt t="37442" x="7256463" y="3738563"/>
          <p14:tracePt t="37449" x="7289800" y="3705225"/>
          <p14:tracePt t="37455" x="7297738" y="3679825"/>
          <p14:tracePt t="37463" x="7307263" y="3654425"/>
          <p14:tracePt t="37470" x="7323138" y="3619500"/>
          <p14:tracePt t="37476" x="7340600" y="3594100"/>
          <p14:tracePt t="37484" x="7358063" y="3560763"/>
          <p14:tracePt t="37491" x="7383463" y="3543300"/>
          <p14:tracePt t="37499" x="7400925" y="3502025"/>
          <p14:tracePt t="37505" x="7442200" y="3467100"/>
          <p14:tracePt t="37512" x="7485063" y="3416300"/>
          <p14:tracePt t="37520" x="7518400" y="3365500"/>
          <p14:tracePt t="37526" x="7561263" y="3322638"/>
          <p14:tracePt t="37535" x="7604125" y="3271838"/>
          <p14:tracePt t="37540" x="7621588" y="3228975"/>
          <p14:tracePt t="37547" x="7662863" y="3186113"/>
          <p14:tracePt t="37556" x="7697788" y="3135313"/>
          <p14:tracePt t="37559" x="7731125" y="3101975"/>
          <p14:tracePt t="37566" x="7766050" y="3051175"/>
          <p14:tracePt t="37573" x="7807325" y="3008313"/>
          <p14:tracePt t="37581" x="7832725" y="2974975"/>
          <p14:tracePt t="37587" x="7875588" y="2932113"/>
          <p14:tracePt t="37594" x="7893050" y="2914650"/>
          <p14:tracePt t="37601" x="7910513" y="2889250"/>
          <p14:tracePt t="37607" x="7935913" y="2863850"/>
          <p14:tracePt t="37614" x="7951788" y="2846388"/>
          <p14:tracePt t="37621" x="7969250" y="2830513"/>
          <p14:tracePt t="37629" x="7977188" y="2820988"/>
          <p14:tracePt t="37636" x="7986713" y="2813050"/>
          <p14:tracePt t="37642" x="7986713" y="2795588"/>
          <p14:tracePt t="37649" x="7986713" y="2787650"/>
          <p14:tracePt t="37656" x="7994650" y="2787650"/>
          <p14:tracePt t="37670" x="7994650" y="2778125"/>
          <p14:tracePt t="37684" x="7994650" y="2770188"/>
          <p14:tracePt t="37704" x="7986713" y="2762250"/>
          <p14:tracePt t="37712" x="7977188" y="2752725"/>
          <p14:tracePt t="37718" x="7969250" y="2744788"/>
          <p14:tracePt t="37725" x="7961313" y="2727325"/>
          <p14:tracePt t="37734" x="7951788" y="2719388"/>
          <p14:tracePt t="37739" x="7943850" y="2701925"/>
          <p14:tracePt t="37746" x="7935913" y="2676525"/>
          <p14:tracePt t="37753" x="7918450" y="2660650"/>
          <p14:tracePt t="37761" x="7910513" y="2633663"/>
          <p14:tracePt t="37768" x="7910513" y="2617788"/>
          <p14:tracePt t="37773" x="7910513" y="2600325"/>
          <p14:tracePt t="37780" x="7893050" y="2574925"/>
          <p14:tracePt t="37787" x="7885113" y="2549525"/>
          <p14:tracePt t="37794" x="7867650" y="2498725"/>
          <p14:tracePt t="37801" x="7850188" y="2397125"/>
          <p14:tracePt t="37808" x="7832725" y="2293938"/>
          <p14:tracePt t="37816" x="7807325" y="2217738"/>
          <p14:tracePt t="37822" x="7791450" y="2159000"/>
          <p14:tracePt t="37829" x="7781925" y="2124075"/>
          <p14:tracePt t="37836" x="7766050" y="2090738"/>
          <p14:tracePt t="37843" x="7756525" y="2065338"/>
          <p14:tracePt t="37850" x="7748588" y="2047875"/>
          <p14:tracePt t="37856" x="7740650" y="2030413"/>
          <p14:tracePt t="37864" x="7731125" y="2022475"/>
          <p14:tracePt t="37871" x="7723188" y="2014538"/>
          <p14:tracePt t="37878" x="7723188" y="2005013"/>
          <p14:tracePt t="37885" x="7715250" y="2005013"/>
          <p14:tracePt t="37892" x="7697788" y="2005013"/>
          <p14:tracePt t="37898" x="7688263" y="2005013"/>
          <p14:tracePt t="37905" x="7672388" y="2005013"/>
          <p14:tracePt t="37912" x="7662863" y="2005013"/>
          <p14:tracePt t="37919" x="7646988" y="2005013"/>
          <p14:tracePt t="37926" x="7629525" y="2005013"/>
          <p14:tracePt t="37933" x="7621588" y="2005013"/>
          <p14:tracePt t="37939" x="7612063" y="2005013"/>
          <p14:tracePt t="37947" x="7604125" y="2005013"/>
          <p14:tracePt t="37953" x="7596188" y="2005013"/>
          <p14:tracePt t="37961" x="7578725" y="2005013"/>
          <p14:tracePt t="37982" x="7570788" y="2005013"/>
          <p14:tracePt t="38000" x="7561263" y="2005013"/>
          <p14:tracePt t="38002" x="7553325" y="2005013"/>
          <p14:tracePt t="38009" x="7545388" y="2005013"/>
          <p14:tracePt t="38016" x="7535863" y="2005013"/>
          <p14:tracePt t="38030" x="7518400" y="2005013"/>
          <p14:tracePt t="38043" x="7510463" y="2005013"/>
          <p14:tracePt t="38050" x="7502525" y="2005013"/>
          <p14:tracePt t="38057" x="7493000" y="2005013"/>
          <p14:tracePt t="38064" x="7485063" y="2005013"/>
          <p14:tracePt t="38071" x="7477125" y="2005013"/>
          <p14:tracePt t="38078" x="7467600" y="2005013"/>
          <p14:tracePt t="38515" x="7467600" y="1997075"/>
          <p14:tracePt t="38523" x="7442200" y="1989138"/>
          <p14:tracePt t="38529" x="7442200" y="1979613"/>
          <p14:tracePt t="38537" x="7426325" y="1963738"/>
          <p14:tracePt t="38542" x="7408863" y="1954213"/>
          <p14:tracePt t="38556" x="7391400" y="1938338"/>
          <p14:tracePt t="38562" x="7383463" y="1928813"/>
          <p14:tracePt t="38576" x="7366000" y="1911350"/>
          <p14:tracePt t="38583" x="7358063" y="1903413"/>
          <p14:tracePt t="38589" x="7348538" y="1903413"/>
          <p14:tracePt t="38596" x="7348538" y="1895475"/>
          <p14:tracePt t="38603" x="7348538" y="1885950"/>
          <p14:tracePt t="38610" x="7340600" y="1885950"/>
          <p14:tracePt t="38617" x="7332663" y="1878013"/>
          <p14:tracePt t="38645" x="7332663" y="1870075"/>
          <p14:tracePt t="38652" x="7323138" y="1870075"/>
          <p14:tracePt t="38666" x="7315200" y="1860550"/>
          <p14:tracePt t="38700" x="7307263" y="1860550"/>
          <p14:tracePt t="38707" x="7307263" y="1852613"/>
          <p14:tracePt t="38715" x="7297738" y="1852613"/>
          <p14:tracePt t="38728" x="7289800" y="1852613"/>
          <p14:tracePt t="38763" x="7281863" y="1852613"/>
          <p14:tracePt t="38784" x="7272338" y="1852613"/>
          <p14:tracePt t="38852" x="7272338" y="1860550"/>
          <p14:tracePt t="38866" x="7272338" y="1870075"/>
          <p14:tracePt t="38880" x="7272338" y="1878013"/>
          <p14:tracePt t="38887" x="7272338" y="1885950"/>
          <p14:tracePt t="38898" x="7272338" y="1895475"/>
          <p14:tracePt t="38908" x="7272338" y="1903413"/>
          <p14:tracePt t="38922" x="7272338" y="1911350"/>
          <p14:tracePt t="38943" x="7272338" y="1920875"/>
          <p14:tracePt t="38957" x="7272338" y="1928813"/>
          <p14:tracePt t="38977" x="7272338" y="1938338"/>
          <p14:tracePt t="39103" x="7272338" y="1946275"/>
          <p14:tracePt t="39124" x="7272338" y="1954213"/>
          <p14:tracePt t="39151" x="7272338" y="1963738"/>
          <p14:tracePt t="39228" x="7272338" y="1971675"/>
          <p14:tracePt t="39331" x="7281863" y="1971675"/>
          <p14:tracePt t="39512" x="7281863" y="1963738"/>
          <p14:tracePt t="39594" x="7281863" y="1954213"/>
          <p14:tracePt t="39622" x="7281863" y="1946275"/>
          <p14:tracePt t="39649" x="7281863" y="1938338"/>
          <p14:tracePt t="39691" x="7281863" y="1928813"/>
          <p14:tracePt t="39719" x="7281863" y="1920875"/>
          <p14:tracePt t="40105" x="7281863" y="1928813"/>
          <p14:tracePt t="40118" x="7281863" y="1938338"/>
          <p14:tracePt t="40154" x="7281863" y="1946275"/>
          <p14:tracePt t="40168" x="7281863" y="1954213"/>
          <p14:tracePt t="40174" x="7272338" y="1954213"/>
          <p14:tracePt t="40210" x="7272338" y="1963738"/>
          <p14:tracePt t="40222" x="7272338" y="1971675"/>
          <p14:tracePt t="40236" x="7272338" y="1979613"/>
          <p14:tracePt t="40305" x="7272338" y="1989138"/>
          <p14:tracePt t="40319" x="7272338" y="1997075"/>
          <p14:tracePt t="40347" x="7264400" y="1997075"/>
          <p14:tracePt t="40354" x="7264400" y="2005013"/>
          <p14:tracePt t="40368" x="7256463" y="2014538"/>
          <p14:tracePt t="40409" x="7256463" y="2022475"/>
          <p14:tracePt t="40423" x="7246938" y="2022475"/>
          <p14:tracePt t="40444" x="7246938" y="2030413"/>
          <p14:tracePt t="40472" x="7246938" y="2039938"/>
          <p14:tracePt t="40478" x="7239000" y="2039938"/>
          <p14:tracePt t="40500" x="7229475" y="2039938"/>
          <p14:tracePt t="41011" x="7221538" y="2039938"/>
          <p14:tracePt t="41234" x="7221538" y="2030413"/>
          <p14:tracePt t="41378" x="7213600" y="2030413"/>
          <p14:tracePt t="41477" x="7213600" y="2039938"/>
          <p14:tracePt t="41559" x="7213600" y="2047875"/>
          <p14:tracePt t="41593" x="7213600" y="2055813"/>
          <p14:tracePt t="41628" x="7213600" y="2065338"/>
          <p14:tracePt t="41668" x="7213600" y="2073275"/>
          <p14:tracePt t="41688" x="7213600" y="2082800"/>
          <p14:tracePt t="41731" x="7213600" y="2090738"/>
          <p14:tracePt t="41744" x="7213600" y="2098675"/>
          <p14:tracePt t="41779" x="7213600" y="2108200"/>
          <p14:tracePt t="41793" x="7213600" y="2116138"/>
          <p14:tracePt t="41800" x="7213600" y="2124075"/>
          <p14:tracePt t="41816" x="7221538" y="2133600"/>
          <p14:tracePt t="41821" x="7221538" y="2141538"/>
          <p14:tracePt t="41842" x="7221538" y="2149475"/>
          <p14:tracePt t="41850" x="7229475" y="2159000"/>
          <p14:tracePt t="41855" x="7229475" y="2166938"/>
          <p14:tracePt t="41869" x="7239000" y="2174875"/>
          <p14:tracePt t="41875" x="7239000" y="2184400"/>
          <p14:tracePt t="41898" x="7246938" y="2209800"/>
          <p14:tracePt t="41910" x="7256463" y="2217738"/>
          <p14:tracePt t="41917" x="7256463" y="2235200"/>
          <p14:tracePt t="41924" x="7256463" y="2243138"/>
          <p14:tracePt t="41931" x="7264400" y="2260600"/>
          <p14:tracePt t="41938" x="7272338" y="2278063"/>
          <p14:tracePt t="41945" x="7281863" y="2293938"/>
          <p14:tracePt t="41952" x="7289800" y="2319338"/>
          <p14:tracePt t="41959" x="7307263" y="2354263"/>
          <p14:tracePt t="41966" x="7340600" y="2397125"/>
          <p14:tracePt t="41973" x="7366000" y="2455863"/>
          <p14:tracePt t="41980" x="7426325" y="2549525"/>
          <p14:tracePt t="41986" x="7485063" y="2633663"/>
          <p14:tracePt t="41994" x="7553325" y="2752725"/>
          <p14:tracePt t="42000" x="7612063" y="2846388"/>
          <p14:tracePt t="42007" x="7680325" y="2957513"/>
          <p14:tracePt t="42014" x="7748588" y="3033713"/>
          <p14:tracePt t="42021" x="7791450" y="3119438"/>
          <p14:tracePt t="42030" x="7850188" y="3211513"/>
          <p14:tracePt t="42039" x="7910513" y="3305175"/>
          <p14:tracePt t="42043" x="7951788" y="3382963"/>
          <p14:tracePt t="42052" x="7994650" y="3441700"/>
          <p14:tracePt t="42056" x="8029575" y="3492500"/>
          <p14:tracePt t="42065" x="8062913" y="3543300"/>
          <p14:tracePt t="42070" x="8096250" y="3594100"/>
          <p14:tracePt t="42078" x="8113713" y="3629025"/>
          <p14:tracePt t="42086" x="8139113" y="3654425"/>
          <p14:tracePt t="42092" x="8147050" y="3687763"/>
          <p14:tracePt t="42100" x="8164513" y="3713163"/>
          <p14:tracePt t="42105" x="8181975" y="3748088"/>
          <p14:tracePt t="42112" x="8199438" y="3781425"/>
          <p14:tracePt t="42118" x="8215313" y="3816350"/>
          <p14:tracePt t="42126" x="8240713" y="3875088"/>
          <p14:tracePt t="42134" x="8275638" y="3943350"/>
          <p14:tracePt t="42139" x="8318500" y="4002088"/>
          <p14:tracePt t="42147" x="8351838" y="4052888"/>
          <p14:tracePt t="42153" x="8385175" y="4105275"/>
          <p14:tracePt t="42160" x="8428038" y="4156075"/>
          <p14:tracePt t="42167" x="8453438" y="4197350"/>
          <p14:tracePt t="42174" x="8488363" y="4240213"/>
          <p14:tracePt t="42181" x="8513763" y="4291013"/>
          <p14:tracePt t="42187" x="8539163" y="4325938"/>
          <p14:tracePt t="42194" x="8547100" y="4351338"/>
          <p14:tracePt t="42201" x="8555038" y="4384675"/>
          <p14:tracePt t="42208" x="8564563" y="4402138"/>
          <p14:tracePt t="42216" x="8572500" y="4410075"/>
          <p14:tracePt t="42222" x="8572500" y="4419600"/>
          <p14:tracePt t="42230" x="8572500" y="4427538"/>
          <p14:tracePt t="42244" x="8564563" y="4427538"/>
          <p14:tracePt t="42252" x="8555038" y="4419600"/>
          <p14:tracePt t="42257" x="8547100" y="4410075"/>
          <p14:tracePt t="42267" x="8539163" y="4341813"/>
          <p14:tracePt t="42271" x="8529638" y="4164013"/>
          <p14:tracePt t="42527" x="8529638" y="4214813"/>
          <p14:tracePt t="42534" x="8529638" y="4257675"/>
          <p14:tracePt t="42540" x="8529638" y="4300538"/>
          <p14:tracePt t="42548" x="8529638" y="4333875"/>
          <p14:tracePt t="42554" x="8521700" y="4359275"/>
          <p14:tracePt t="42561" x="8513763" y="4384675"/>
          <p14:tracePt t="42575" x="8504238" y="4394200"/>
          <p14:tracePt t="42582" x="8496300" y="4394200"/>
          <p14:tracePt t="42595" x="8496300" y="4384675"/>
          <p14:tracePt t="48828" x="8478838" y="4351338"/>
          <p14:tracePt t="48835" x="8462963" y="4300538"/>
          <p14:tracePt t="48842" x="8428038" y="4224338"/>
          <p14:tracePt t="48848" x="8394700" y="4164013"/>
          <p14:tracePt t="48856" x="8377238" y="4105275"/>
          <p14:tracePt t="48863" x="8343900" y="4052888"/>
          <p14:tracePt t="48869" x="8326438" y="4002088"/>
          <p14:tracePt t="48876" x="8308975" y="3960813"/>
          <p14:tracePt t="48883" x="8291513" y="3925888"/>
          <p14:tracePt t="48896" x="8275638" y="3883025"/>
          <p14:tracePt t="48897" x="8258175" y="3867150"/>
          <p14:tracePt t="48903" x="8250238" y="3841750"/>
          <p14:tracePt t="48910" x="8232775" y="3816350"/>
          <p14:tracePt t="48917" x="8224838" y="3798888"/>
          <p14:tracePt t="48924" x="8215313" y="3790950"/>
          <p14:tracePt t="48932" x="8207375" y="3781425"/>
          <p14:tracePt t="48939" x="8199438" y="3763963"/>
          <p14:tracePt t="48947" x="8189913" y="3748088"/>
          <p14:tracePt t="48952" x="8181975" y="3738563"/>
          <p14:tracePt t="48959" x="8174038" y="3730625"/>
          <p14:tracePt t="48966" x="8174038" y="3713163"/>
          <p14:tracePt t="48980" x="8174038" y="3705225"/>
          <p14:tracePt t="48987" x="8174038" y="3697288"/>
          <p14:tracePt t="48994" x="8164513" y="3687763"/>
          <p14:tracePt t="49008" x="8156575" y="3679825"/>
          <p14:tracePt t="49015" x="8156575" y="3671888"/>
          <p14:tracePt t="49022" x="8147050" y="3671888"/>
          <p14:tracePt t="49049" x="8147050" y="3662363"/>
          <p14:tracePt t="49056" x="8139113" y="3662363"/>
          <p14:tracePt t="49063" x="8139113" y="3654425"/>
          <p14:tracePt t="49077" x="8131175" y="3654425"/>
          <p14:tracePt t="49084" x="8131175" y="3646488"/>
          <p14:tracePt t="49091" x="8131175" y="3636963"/>
          <p14:tracePt t="49098" x="8131175" y="3629025"/>
          <p14:tracePt t="49104" x="8121650" y="3629025"/>
          <p14:tracePt t="49112" x="8121650" y="3619500"/>
          <p14:tracePt t="49118" x="8113713" y="3619500"/>
          <p14:tracePt t="49125" x="8113713" y="3611563"/>
          <p14:tracePt t="49139" x="8105775" y="3611563"/>
          <p14:tracePt t="49147" x="8105775" y="3603625"/>
          <p14:tracePt t="49160" x="8105775" y="3594100"/>
          <p14:tracePt t="49167" x="8096250" y="3586163"/>
          <p14:tracePt t="49188" x="8088313" y="3578225"/>
          <p14:tracePt t="49195" x="8088313" y="3568700"/>
          <p14:tracePt t="49208" x="8088313" y="3560763"/>
          <p14:tracePt t="49215" x="8088313" y="3552825"/>
          <p14:tracePt t="49223" x="8088313" y="3543300"/>
          <p14:tracePt t="49232" x="8080375" y="3543300"/>
          <p14:tracePt t="49244" x="8080375" y="3535363"/>
          <p14:tracePt t="49251" x="8080375" y="3527425"/>
          <p14:tracePt t="49258" x="8080375" y="3517900"/>
          <p14:tracePt t="49266" x="8080375" y="3509963"/>
          <p14:tracePt t="49272" x="8070850" y="3502025"/>
          <p14:tracePt t="49285" x="8062913" y="3484563"/>
          <p14:tracePt t="49292" x="8062913" y="3475038"/>
          <p14:tracePt t="49299" x="8062913" y="3467100"/>
          <p14:tracePt t="49306" x="8062913" y="3449638"/>
          <p14:tracePt t="49314" x="8054975" y="3449638"/>
          <p14:tracePt t="49320" x="8045450" y="3433763"/>
          <p14:tracePt t="49327" x="8037513" y="3408363"/>
          <p14:tracePt t="49334" x="8029575" y="3398838"/>
          <p14:tracePt t="49340" x="8020050" y="3382963"/>
          <p14:tracePt t="49349" x="8020050" y="3373438"/>
          <p14:tracePt t="49353" x="8020050" y="3365500"/>
          <p14:tracePt t="49361" x="8020050" y="3355975"/>
          <p14:tracePt t="49368" x="8012113" y="3348038"/>
          <p14:tracePt t="49375" x="8012113" y="3340100"/>
          <p14:tracePt t="49381" x="8004175" y="3340100"/>
          <p14:tracePt t="49396" x="8004175" y="3330575"/>
          <p14:tracePt t="49402" x="8004175" y="3322638"/>
          <p14:tracePt t="49417" x="7994650" y="3322638"/>
          <p14:tracePt t="49423" x="7994650" y="3314700"/>
          <p14:tracePt t="49437" x="7994650" y="3305175"/>
          <p14:tracePt t="49644" x="7986713" y="3297238"/>
          <p14:tracePt t="49658" x="7986713" y="3289300"/>
          <p14:tracePt t="49672" x="7986713" y="3279775"/>
          <p14:tracePt t="49679" x="7986713" y="3271838"/>
          <p14:tracePt t="49686" x="7977188" y="3263900"/>
          <p14:tracePt t="49693" x="7977188" y="3254375"/>
          <p14:tracePt t="49699" x="7977188" y="3246438"/>
          <p14:tracePt t="49706" x="7977188" y="3238500"/>
          <p14:tracePt t="49713" x="7977188" y="3228975"/>
          <p14:tracePt t="49721" x="7977188" y="3221038"/>
          <p14:tracePt t="49729" x="7977188" y="3211513"/>
          <p14:tracePt t="49741" x="7977188" y="3203575"/>
          <p14:tracePt t="49748" x="7977188" y="3186113"/>
          <p14:tracePt t="49762" x="7969250" y="3178175"/>
          <p14:tracePt t="49769" x="7969250" y="3170238"/>
          <p14:tracePt t="49776" x="7961313" y="3160713"/>
          <p14:tracePt t="49789" x="7961313" y="3152775"/>
          <p14:tracePt t="49797" x="7961313" y="3144838"/>
          <p14:tracePt t="49812" x="7951788" y="3144838"/>
          <p14:tracePt t="49818" x="7951788" y="3135313"/>
          <p14:tracePt t="49824" x="7943850" y="3135313"/>
          <p14:tracePt t="49831" x="7943850" y="3127375"/>
          <p14:tracePt t="49859" x="7935913" y="3127375"/>
          <p14:tracePt t="49942" x="7926388" y="3127375"/>
          <p14:tracePt t="50047" x="7926388" y="3135313"/>
          <p14:tracePt t="50420" x="7926388" y="3127375"/>
          <p14:tracePt t="50446" x="7926388" y="3119438"/>
          <p14:tracePt t="50462" x="7926388" y="3109913"/>
          <p14:tracePt t="50474" x="7926388" y="3101975"/>
          <p14:tracePt t="50510" x="7926388" y="3094038"/>
          <p14:tracePt t="50524" x="7926388" y="3084513"/>
          <p14:tracePt t="50550" x="7926388" y="3076575"/>
          <p14:tracePt t="50564" x="7926388" y="3067050"/>
          <p14:tracePt t="50571" x="7926388" y="3059113"/>
          <p14:tracePt t="50592" x="7926388" y="3051175"/>
          <p14:tracePt t="50599" x="7926388" y="3033713"/>
          <p14:tracePt t="50606" x="7935913" y="3033713"/>
          <p14:tracePt t="50612" x="7935913" y="3016250"/>
          <p14:tracePt t="50619" x="7935913" y="2990850"/>
          <p14:tracePt t="50626" x="7943850" y="2974975"/>
          <p14:tracePt t="50633" x="7961313" y="2940050"/>
          <p14:tracePt t="50640" x="7969250" y="2914650"/>
          <p14:tracePt t="50647" x="7977188" y="2889250"/>
          <p14:tracePt t="50654" x="7986713" y="2881313"/>
          <p14:tracePt t="50661" x="7994650" y="2855913"/>
          <p14:tracePt t="50668" x="8004175" y="2838450"/>
          <p14:tracePt t="50674" x="8012113" y="2820988"/>
          <p14:tracePt t="50696" x="8012113" y="2813050"/>
          <p14:tracePt t="50703" x="8012113" y="2805113"/>
          <p14:tracePt t="50717" x="8012113" y="2795588"/>
          <p14:tracePt t="50724" x="8012113" y="2787650"/>
          <p14:tracePt t="50730" x="8012113" y="2778125"/>
          <p14:tracePt t="50758" x="8020050" y="2778125"/>
          <p14:tracePt t="50764" x="8020050" y="2770188"/>
          <p14:tracePt t="50778" x="8029575" y="2762250"/>
          <p14:tracePt t="50799" x="8029575" y="2752725"/>
          <p14:tracePt t="50806" x="8029575" y="2744788"/>
          <p14:tracePt t="50813" x="8037513" y="2736850"/>
          <p14:tracePt t="50829" x="8045450" y="2736850"/>
          <p14:tracePt t="50834" x="8045450" y="2727325"/>
          <p14:tracePt t="50841" x="8045450" y="2719388"/>
          <p14:tracePt t="50862" x="8054975" y="2711450"/>
          <p14:tracePt t="50875" x="8054975" y="2701925"/>
          <p14:tracePt t="50896" x="8062913" y="2693988"/>
          <p14:tracePt t="50912" x="8070850" y="2693988"/>
          <p14:tracePt t="50924" x="8070850" y="2686050"/>
          <p14:tracePt t="50931" x="8080375" y="2686050"/>
          <p14:tracePt t="50938" x="8088313" y="2676525"/>
          <p14:tracePt t="50947" x="8096250" y="2676525"/>
          <p14:tracePt t="50952" x="8096250" y="2668588"/>
          <p14:tracePt t="50959" x="8096250" y="2660650"/>
          <p14:tracePt t="50966" x="8113713" y="2660650"/>
          <p14:tracePt t="50973" x="8121650" y="2651125"/>
          <p14:tracePt t="50987" x="8139113" y="2643188"/>
          <p14:tracePt t="50994" x="8147050" y="2633663"/>
          <p14:tracePt t="51014" x="8156575" y="2625725"/>
          <p14:tracePt t="51021" x="8164513" y="2625725"/>
          <p14:tracePt t="51028" x="8164513" y="2617788"/>
          <p14:tracePt t="51042" x="8164513" y="2608263"/>
          <p14:tracePt t="51103" x="8164513" y="2617788"/>
          <p14:tracePt t="51118" x="8156575" y="2625725"/>
          <p14:tracePt t="51153" x="8147050" y="2625725"/>
          <p14:tracePt t="51167" x="8139113" y="2633663"/>
          <p14:tracePt t="51182" x="8131175" y="2633663"/>
          <p14:tracePt t="51187" x="8131175" y="2643188"/>
          <p14:tracePt t="51215" x="8121650" y="2643188"/>
          <p14:tracePt t="51221" x="8121650" y="2651125"/>
          <p14:tracePt t="51229" x="8113713" y="2651125"/>
          <p14:tracePt t="51235" x="8113713" y="2660650"/>
          <p14:tracePt t="51249" x="8113713" y="2668588"/>
          <p14:tracePt t="51256" x="8105775" y="2668588"/>
          <p14:tracePt t="51270" x="8096250" y="2668588"/>
          <p14:tracePt t="51278" x="8096250" y="2676525"/>
          <p14:tracePt t="51284" x="8088313" y="2676525"/>
          <p14:tracePt t="51291" x="8088313" y="2686050"/>
          <p14:tracePt t="51319" x="8080375" y="2686050"/>
          <p14:tracePt t="51325" x="8080375" y="2693988"/>
          <p14:tracePt t="51339" x="8080375" y="2701925"/>
          <p14:tracePt t="51347" x="8070850" y="2701925"/>
          <p14:tracePt t="51451" x="8070850" y="2693988"/>
          <p14:tracePt t="51486" x="8070850" y="2686050"/>
          <p14:tracePt t="51500" x="8070850" y="2676525"/>
          <p14:tracePt t="51514" x="8080375" y="2668588"/>
          <p14:tracePt t="51520" x="8080375" y="2660650"/>
          <p14:tracePt t="51527" x="8080375" y="2651125"/>
          <p14:tracePt t="51547" x="8088313" y="2643188"/>
          <p14:tracePt t="51554" x="8088313" y="2633663"/>
          <p14:tracePt t="51563" x="8096250" y="2633663"/>
          <p14:tracePt t="51567" x="8096250" y="2617788"/>
          <p14:tracePt t="51574" x="8105775" y="2608263"/>
          <p14:tracePt t="51588" x="8105775" y="2600325"/>
          <p14:tracePt t="51595" x="8105775" y="2592388"/>
          <p14:tracePt t="51609" x="8113713" y="2582863"/>
          <p14:tracePt t="51615" x="8113713" y="2574925"/>
          <p14:tracePt t="51623" x="8121650" y="2566988"/>
          <p14:tracePt t="51658" x="8121650" y="2557463"/>
          <p14:tracePt t="51859" x="8121650" y="2566988"/>
          <p14:tracePt t="51921" x="8121650" y="2574925"/>
          <p14:tracePt t="52219" x="8113713" y="2574925"/>
          <p14:tracePt t="52254" x="8105775" y="2574925"/>
          <p14:tracePt t="52309" x="8096250" y="2574925"/>
          <p14:tracePt t="52385" x="8096250" y="2582863"/>
          <p14:tracePt t="52509" x="8096250" y="2592388"/>
          <p14:tracePt t="52530" x="8096250" y="2600325"/>
          <p14:tracePt t="52571" x="8088313" y="2608263"/>
          <p14:tracePt t="53152" x="8096250" y="2600325"/>
          <p14:tracePt t="53158" x="8105775" y="2582863"/>
          <p14:tracePt t="53165" x="8113713" y="2574925"/>
          <p14:tracePt t="53173" x="8131175" y="2557463"/>
          <p14:tracePt t="53179" x="8147050" y="2532063"/>
          <p14:tracePt t="53186" x="8156575" y="2506663"/>
          <p14:tracePt t="53195" x="8174038" y="2473325"/>
          <p14:tracePt t="53201" x="8181975" y="2430463"/>
          <p14:tracePt t="53207" x="8189913" y="2379663"/>
          <p14:tracePt t="53214" x="8199438" y="2336800"/>
          <p14:tracePt t="53221" x="8207375" y="2303463"/>
          <p14:tracePt t="53228" x="8215313" y="2268538"/>
          <p14:tracePt t="53235" x="8232775" y="2227263"/>
          <p14:tracePt t="53242" x="8232775" y="2192338"/>
          <p14:tracePt t="53248" x="8240713" y="2149475"/>
          <p14:tracePt t="53256" x="8250238" y="2116138"/>
          <p14:tracePt t="53264" x="8250238" y="2082800"/>
          <p14:tracePt t="53269" x="8250238" y="2047875"/>
          <p14:tracePt t="53277" x="8258175" y="2022475"/>
          <p14:tracePt t="53283" x="8258175" y="1997075"/>
          <p14:tracePt t="53290" x="8258175" y="1979613"/>
          <p14:tracePt t="53297" x="8258175" y="1971675"/>
          <p14:tracePt t="53304" x="8258175" y="1954213"/>
          <p14:tracePt t="53311" x="8258175" y="1946275"/>
          <p14:tracePt t="53324" x="8258175" y="1938338"/>
          <p14:tracePt t="53338" x="8250238" y="1938338"/>
          <p14:tracePt t="53352" x="8240713" y="1920875"/>
          <p14:tracePt t="53589" x="8240713" y="1878013"/>
          <p14:tracePt t="53595" x="8224838" y="1819275"/>
          <p14:tracePt t="53602" x="8215313" y="1758950"/>
          <p14:tracePt t="53609" x="8207375" y="1700213"/>
          <p14:tracePt t="53616" x="8199438" y="1665288"/>
          <p14:tracePt t="53623" x="8199438" y="1631950"/>
          <p14:tracePt t="53631" x="8199438" y="1597025"/>
          <p14:tracePt t="53636" x="8199438" y="1571625"/>
          <p14:tracePt t="53644" x="8199438" y="1530350"/>
          <p14:tracePt t="53650" x="8199438" y="1477963"/>
          <p14:tracePt t="53656" x="8207375" y="1436688"/>
          <p14:tracePt t="53663" x="8215313" y="1385888"/>
          <p14:tracePt t="53670" x="8224838" y="1325563"/>
          <p14:tracePt t="53677" x="8240713" y="1282700"/>
          <p14:tracePt t="53684" x="8240713" y="1249363"/>
          <p14:tracePt t="53691" x="8240713" y="1231900"/>
          <p14:tracePt t="53697" x="8240713" y="1216025"/>
          <p14:tracePt t="53704" x="8240713" y="1198563"/>
          <p14:tracePt t="53718" x="8240713" y="1189038"/>
          <p14:tracePt t="53725" x="8240713" y="1181100"/>
          <p14:tracePt t="53740" x="8240713" y="1173163"/>
          <p14:tracePt t="53774" x="8240713" y="1163638"/>
          <p14:tracePt t="53788" x="8240713" y="1155700"/>
          <p14:tracePt t="53802" x="8232775" y="1155700"/>
          <p14:tracePt t="53940" x="8240713" y="1163638"/>
          <p14:tracePt t="53961" x="8240713" y="1173163"/>
          <p14:tracePt t="53968" x="8240713" y="1181100"/>
          <p14:tracePt t="53982" x="8240713" y="1189038"/>
          <p14:tracePt t="53996" x="8240713" y="1198563"/>
          <p14:tracePt t="54003" x="8240713" y="1206500"/>
          <p14:tracePt t="54016" x="8240713" y="1216025"/>
          <p14:tracePt t="54024" x="8240713" y="1223963"/>
          <p14:tracePt t="54029" x="8240713" y="1231900"/>
          <p14:tracePt t="54050" x="8240713" y="1241425"/>
          <p14:tracePt t="54057" x="8240713" y="1249363"/>
          <p14:tracePt t="54071" x="8240713" y="1257300"/>
          <p14:tracePt t="54078" x="8240713" y="1266825"/>
          <p14:tracePt t="54101" x="8240713" y="1274763"/>
          <p14:tracePt t="54109" x="8240713" y="1282700"/>
          <p14:tracePt t="54115" x="8240713" y="1292225"/>
          <p14:tracePt t="54127" x="8240713" y="1300163"/>
          <p14:tracePt t="54133" x="8240713" y="1308100"/>
          <p14:tracePt t="54154" x="8250238" y="1317625"/>
          <p14:tracePt t="54161" x="8250238" y="1325563"/>
          <p14:tracePt t="54168" x="8258175" y="1333500"/>
          <p14:tracePt t="54189" x="8266113" y="1343025"/>
          <p14:tracePt t="54196" x="8266113" y="1350963"/>
          <p14:tracePt t="54217" x="8275638" y="1360488"/>
          <p14:tracePt t="54224" x="8283575" y="1368425"/>
          <p14:tracePt t="54231" x="8283575" y="1376363"/>
          <p14:tracePt t="54238" x="8291513" y="1376363"/>
          <p14:tracePt t="54246" x="8291513" y="1385888"/>
          <p14:tracePt t="54251" x="8301038" y="1393825"/>
          <p14:tracePt t="54259" x="8308975" y="1393825"/>
          <p14:tracePt t="54272" x="8318500" y="1401763"/>
          <p14:tracePt t="54280" x="8326438" y="1419225"/>
          <p14:tracePt t="54295" x="8326438" y="1427163"/>
          <p14:tracePt t="54300" x="8334375" y="1436688"/>
          <p14:tracePt t="54307" x="8343900" y="1444625"/>
          <p14:tracePt t="54314" x="8351838" y="1452563"/>
          <p14:tracePt t="54321" x="8351838" y="1470025"/>
          <p14:tracePt t="54329" x="8359775" y="1470025"/>
          <p14:tracePt t="54334" x="8369300" y="1487488"/>
          <p14:tracePt t="54342" x="8377238" y="1495425"/>
          <p14:tracePt t="54348" x="8377238" y="1504950"/>
          <p14:tracePt t="54354" x="8385175" y="1512888"/>
          <p14:tracePt t="54361" x="8402638" y="1520825"/>
          <p14:tracePt t="54377" x="8410575" y="1538288"/>
          <p14:tracePt t="54382" x="8420100" y="1546225"/>
          <p14:tracePt t="54390" x="8428038" y="1546225"/>
          <p14:tracePt t="54396" x="8428038" y="1563688"/>
          <p14:tracePt t="54404" x="8428038" y="1571625"/>
          <p14:tracePt t="54410" x="8435975" y="1571625"/>
          <p14:tracePt t="54417" x="8445500" y="1589088"/>
          <p14:tracePt t="54424" x="8453438" y="1597025"/>
          <p14:tracePt t="54438" x="8462963" y="1614488"/>
          <p14:tracePt t="54445" x="8470900" y="1622425"/>
          <p14:tracePt t="54459" x="8470900" y="1631950"/>
          <p14:tracePt t="54465" x="8478838" y="1639888"/>
          <p14:tracePt t="54472" x="8488363" y="1649413"/>
          <p14:tracePt t="54479" x="8496300" y="1657350"/>
          <p14:tracePt t="54487" x="8496300" y="1665288"/>
          <p14:tracePt t="54494" x="8504238" y="1674813"/>
          <p14:tracePt t="54507" x="8513763" y="1682750"/>
          <p14:tracePt t="54514" x="8521700" y="1690688"/>
          <p14:tracePt t="54529" x="8529638" y="1700213"/>
          <p14:tracePt t="54534" x="8539163" y="1700213"/>
          <p14:tracePt t="54541" x="8539163" y="1716088"/>
          <p14:tracePt t="54556" x="8547100" y="1725613"/>
          <p14:tracePt t="54562" x="8555038" y="1741488"/>
          <p14:tracePt t="54569" x="8564563" y="1741488"/>
          <p14:tracePt t="54577" x="8564563" y="1751013"/>
          <p14:tracePt t="54583" x="8572500" y="1766888"/>
          <p14:tracePt t="54590" x="8580438" y="1766888"/>
          <p14:tracePt t="54597" x="8589963" y="1776413"/>
          <p14:tracePt t="54604" x="8589963" y="1793875"/>
          <p14:tracePt t="54618" x="8597900" y="1801813"/>
          <p14:tracePt t="54624" x="8615363" y="1809750"/>
          <p14:tracePt t="54631" x="8615363" y="1827213"/>
          <p14:tracePt t="54638" x="8623300" y="1827213"/>
          <p14:tracePt t="54646" x="8640763" y="1835150"/>
          <p14:tracePt t="54653" x="8640763" y="1852613"/>
          <p14:tracePt t="54659" x="8648700" y="1852613"/>
          <p14:tracePt t="54666" x="8658225" y="1860550"/>
          <p14:tracePt t="54673" x="8666163" y="1878013"/>
          <p14:tracePt t="54679" x="8674100" y="1878013"/>
          <p14:tracePt t="54687" x="8674100" y="1895475"/>
          <p14:tracePt t="54695" x="8683625" y="1903413"/>
          <p14:tracePt t="54702" x="8691563" y="1903413"/>
          <p14:tracePt t="54709" x="8699500" y="1920875"/>
          <p14:tracePt t="54717" x="8699500" y="1928813"/>
          <p14:tracePt t="54731" x="8709025" y="1946275"/>
          <p14:tracePt t="54736" x="8716963" y="1954213"/>
          <p14:tracePt t="54747" x="8724900" y="1954213"/>
          <p14:tracePt t="54750" x="8724900" y="1971675"/>
          <p14:tracePt t="54757" x="8734425" y="1979613"/>
          <p14:tracePt t="54764" x="8742363" y="1979613"/>
          <p14:tracePt t="54771" x="8742363" y="1989138"/>
          <p14:tracePt t="54779" x="8750300" y="1997075"/>
          <p14:tracePt t="54784" x="8759825" y="2005013"/>
          <p14:tracePt t="54791" x="8767763" y="2005013"/>
          <p14:tracePt t="54798" x="8767763" y="2014538"/>
          <p14:tracePt t="54805" x="8777288" y="2022475"/>
          <p14:tracePt t="54814" x="8793163" y="2030413"/>
          <p14:tracePt t="54818" x="8793163" y="2039938"/>
          <p14:tracePt t="54826" x="8802688" y="2047875"/>
          <p14:tracePt t="54832" x="8810625" y="2055813"/>
          <p14:tracePt t="54839" x="8818563" y="2065338"/>
          <p14:tracePt t="54846" x="8818563" y="2073275"/>
          <p14:tracePt t="54853" x="8828088" y="2073275"/>
          <p14:tracePt t="54860" x="8836025" y="2090738"/>
          <p14:tracePt t="54867" x="8836025" y="2098675"/>
          <p14:tracePt t="54880" x="8843963" y="2116138"/>
          <p14:tracePt t="54896" x="8861425" y="2124075"/>
          <p14:tracePt t="54902" x="8861425" y="2133600"/>
          <p14:tracePt t="54909" x="8878888" y="2141538"/>
          <p14:tracePt t="54915" x="8886825" y="2149475"/>
          <p14:tracePt t="54930" x="8894763" y="2159000"/>
          <p14:tracePt t="54936" x="8912225" y="2174875"/>
          <p14:tracePt t="54950" x="8921750" y="2184400"/>
          <p14:tracePt t="54957" x="8937625" y="2192338"/>
          <p14:tracePt t="54964" x="8937625" y="2200275"/>
          <p14:tracePt t="54971" x="8947150" y="2200275"/>
          <p14:tracePt t="54979" x="8955088" y="2209800"/>
          <p14:tracePt t="54984" x="8972550" y="2227263"/>
          <p14:tracePt t="54992" x="8988425" y="2235200"/>
          <p14:tracePt t="54998" x="9005888" y="2252663"/>
          <p14:tracePt t="55004" x="9013825" y="2260600"/>
          <p14:tracePt t="55013" x="9031288" y="2278063"/>
          <p14:tracePt t="55019" x="9048750" y="2293938"/>
          <p14:tracePt t="55027" x="9074150" y="2303463"/>
          <p14:tracePt t="55033" x="9091613" y="2311400"/>
          <p14:tracePt t="55039" x="9099550" y="2328863"/>
          <p14:tracePt t="55046" x="9117013" y="2336800"/>
          <p14:tracePt t="55054" x="9132888" y="2344738"/>
          <p14:tracePt t="55061" x="9150350" y="2362200"/>
          <p14:tracePt t="55067" x="9158288" y="2362200"/>
          <p14:tracePt t="55074" x="9167813" y="2371725"/>
          <p14:tracePt t="55081" x="9183688" y="2387600"/>
          <p14:tracePt t="55088" x="9193213" y="2397125"/>
          <p14:tracePt t="55095" x="9201150" y="2397125"/>
          <p14:tracePt t="55102" x="9209088" y="2405063"/>
          <p14:tracePt t="55110" x="9209088" y="2413000"/>
          <p14:tracePt t="55116" x="9218613" y="2413000"/>
          <p14:tracePt t="55122" x="9226550" y="2413000"/>
          <p14:tracePt t="55129" x="9226550" y="2422525"/>
          <p14:tracePt t="55136" x="9236075" y="2422525"/>
          <p14:tracePt t="55144" x="9236075" y="2430463"/>
          <p14:tracePt t="55150" x="9244013" y="2430463"/>
          <p14:tracePt t="55157" x="9251950" y="2430463"/>
          <p14:tracePt t="55164" x="9251950" y="2438400"/>
          <p14:tracePt t="55185" x="9261475" y="2438400"/>
          <p14:tracePt t="55193" x="9261475" y="2447925"/>
          <p14:tracePt t="55207" x="9269413" y="2447925"/>
          <p14:tracePt t="55214" x="9269413" y="2455863"/>
          <p14:tracePt t="55221" x="9277350" y="2455863"/>
          <p14:tracePt t="55242" x="9277350" y="2463800"/>
          <p14:tracePt t="55248" x="9286875" y="2463800"/>
          <p14:tracePt t="55256" x="9294813" y="2473325"/>
          <p14:tracePt t="55275" x="9302750" y="2481263"/>
          <p14:tracePt t="55282" x="9312275" y="2481263"/>
          <p14:tracePt t="55303" x="9320213" y="2489200"/>
          <p14:tracePt t="55312" x="9328150" y="2489200"/>
          <p14:tracePt t="55317" x="9337675" y="2498725"/>
          <p14:tracePt t="55330" x="9345613" y="2498725"/>
          <p14:tracePt t="55337" x="9353550" y="2498725"/>
          <p14:tracePt t="55351" x="9353550" y="2506663"/>
          <p14:tracePt t="55358" x="9363075" y="2506663"/>
          <p14:tracePt t="55364" x="9371013" y="2516188"/>
          <p14:tracePt t="55379" x="9380538" y="2516188"/>
          <p14:tracePt t="55399" x="9388475" y="2524125"/>
          <p14:tracePt t="55413" x="9396413" y="2532063"/>
          <p14:tracePt t="55428" x="9405938" y="2532063"/>
          <p14:tracePt t="55434" x="9405938" y="2541588"/>
          <p14:tracePt t="55448" x="9413875" y="2541588"/>
          <p14:tracePt t="55462" x="9421813" y="2541588"/>
          <p14:tracePt t="55490" x="9431338" y="2541588"/>
          <p14:tracePt t="55503" x="9439275" y="2549525"/>
          <p14:tracePt t="55524" x="9439275" y="2557463"/>
          <p14:tracePt t="55538" x="9447213" y="2557463"/>
          <p14:tracePt t="55552" x="9456738" y="2557463"/>
          <p14:tracePt t="55566" x="9464675" y="2557463"/>
          <p14:tracePt t="55593" x="9472613" y="2557463"/>
          <p14:tracePt t="55606" x="9482138" y="2557463"/>
          <p14:tracePt t="55620" x="9482138" y="2566988"/>
          <p14:tracePt t="55641" x="9490075" y="2566988"/>
          <p14:tracePt t="55655" x="9498013" y="2566988"/>
          <p14:tracePt t="55669" x="9507538" y="2566988"/>
          <p14:tracePt t="55683" x="9507538" y="2574925"/>
          <p14:tracePt t="55704" x="9515475" y="2574925"/>
          <p14:tracePt t="55718" x="9523413" y="2582863"/>
          <p14:tracePt t="55753" x="9532938" y="2592388"/>
          <p14:tracePt t="55760" x="9540875" y="2592388"/>
          <p14:tracePt t="55766" x="9550400" y="2600325"/>
          <p14:tracePt t="55780" x="9558338" y="2600325"/>
          <p14:tracePt t="55795" x="9566275" y="2600325"/>
          <p14:tracePt t="55801" x="9575800" y="2608263"/>
          <p14:tracePt t="55807" x="9583738" y="2608263"/>
          <p14:tracePt t="55814" x="9591675" y="2617788"/>
          <p14:tracePt t="55828" x="9609138" y="2617788"/>
          <p14:tracePt t="55835" x="9617075" y="2625725"/>
          <p14:tracePt t="55849" x="9634538" y="2625725"/>
          <p14:tracePt t="55856" x="9642475" y="2625725"/>
          <p14:tracePt t="55863" x="9642475" y="2633663"/>
          <p14:tracePt t="55870" x="9652000" y="2633663"/>
          <p14:tracePt t="55877" x="9667875" y="2643188"/>
          <p14:tracePt t="55893" x="9677400" y="2643188"/>
          <p14:tracePt t="55897" x="9694863" y="2651125"/>
          <p14:tracePt t="55912" x="9710738" y="2651125"/>
          <p14:tracePt t="55919" x="9720263" y="2651125"/>
          <p14:tracePt t="55929" x="9728200" y="2660650"/>
          <p14:tracePt t="55933" x="9736138" y="2660650"/>
          <p14:tracePt t="55940" x="9745663" y="2660650"/>
          <p14:tracePt t="55947" x="9761538" y="2660650"/>
          <p14:tracePt t="55953" x="9779000" y="2668588"/>
          <p14:tracePt t="55967" x="9796463" y="2676525"/>
          <p14:tracePt t="55973" x="9804400" y="2676525"/>
          <p14:tracePt t="55980" x="9804400" y="2686050"/>
          <p14:tracePt t="55987" x="9812338" y="2686050"/>
          <p14:tracePt t="55994" x="9829800" y="2686050"/>
          <p14:tracePt t="56008" x="9839325" y="2686050"/>
          <p14:tracePt t="56015" x="9855200" y="2693988"/>
          <p14:tracePt t="56029" x="9864725" y="2701925"/>
          <p14:tracePt t="56036" x="9872663" y="2701925"/>
          <p14:tracePt t="56050" x="9880600" y="2701925"/>
          <p14:tracePt t="56057" x="9890125" y="2701925"/>
          <p14:tracePt t="56071" x="9898063" y="2711450"/>
          <p14:tracePt t="56078" x="9906000" y="2711450"/>
          <p14:tracePt t="56092" x="9915525" y="2711450"/>
          <p14:tracePt t="56105" x="9923463" y="2711450"/>
          <p14:tracePt t="56119" x="9931400" y="2711450"/>
          <p14:tracePt t="56146" x="9940925" y="2719388"/>
          <p14:tracePt t="56153" x="9948863" y="2719388"/>
          <p14:tracePt t="56167" x="9956800" y="2719388"/>
          <p14:tracePt t="56188" x="9966325" y="2719388"/>
          <p14:tracePt t="56195" x="9974263" y="2719388"/>
          <p14:tracePt t="56210" x="9974263" y="2727325"/>
          <p14:tracePt t="56216" x="9983788" y="2727325"/>
          <p14:tracePt t="56230" x="9991725" y="2727325"/>
          <p14:tracePt t="56237" x="9999663" y="2727325"/>
          <p14:tracePt t="56264" x="10009188" y="2727325"/>
          <p14:tracePt t="56278" x="10017125" y="2736850"/>
          <p14:tracePt t="56305" x="10025063" y="2744788"/>
          <p14:tracePt t="56326" x="10034588" y="2744788"/>
          <p14:tracePt t="56340" x="10042525" y="2752725"/>
          <p14:tracePt t="56375" x="10050463" y="2752725"/>
          <p14:tracePt t="56389" x="10059988" y="2752725"/>
          <p14:tracePt t="56424" x="10067925" y="2752725"/>
          <p14:tracePt t="56437" x="10075863" y="2752725"/>
          <p14:tracePt t="56458" x="10085388" y="2752725"/>
          <p14:tracePt t="56465" x="10085388" y="2762250"/>
          <p14:tracePt t="56485" x="10093325" y="2762250"/>
          <p14:tracePt t="56499" x="10101263" y="2770188"/>
          <p14:tracePt t="56534" x="10110788" y="2770188"/>
          <p14:tracePt t="56548" x="10118725" y="2770188"/>
          <p14:tracePt t="56568" x="10126663" y="2770188"/>
          <p14:tracePt t="56589" x="10126663" y="2778125"/>
          <p14:tracePt t="56596" x="10136188" y="2778125"/>
          <p14:tracePt t="56610" x="10136188" y="2787650"/>
          <p14:tracePt t="56617" x="10144125" y="2787650"/>
          <p14:tracePt t="56645" x="10153650" y="2787650"/>
          <p14:tracePt t="56693" x="10153650" y="2778125"/>
          <p14:tracePt t="56706" x="10153650" y="2770188"/>
          <p14:tracePt t="56979" x="10110788" y="2770188"/>
          <p14:tracePt t="56985" x="10034588" y="2752725"/>
          <p14:tracePt t="56992" x="9948863" y="2744788"/>
          <p14:tracePt t="56999" x="9829800" y="2727325"/>
          <p14:tracePt t="57005" x="9736138" y="2727325"/>
          <p14:tracePt t="57013" x="9634538" y="2727325"/>
          <p14:tracePt t="57018" x="9575800" y="2727325"/>
          <p14:tracePt t="57025" x="9515475" y="2727325"/>
          <p14:tracePt t="57032" x="9464675" y="2727325"/>
          <p14:tracePt t="57038" x="9421813" y="2727325"/>
          <p14:tracePt t="57046" x="9371013" y="2727325"/>
          <p14:tracePt t="57053" x="9337675" y="2727325"/>
          <p14:tracePt t="57060" x="9312275" y="2736850"/>
          <p14:tracePt t="57066" x="9277350" y="2736850"/>
          <p14:tracePt t="57074" x="9244013" y="2744788"/>
          <p14:tracePt t="57081" x="9218613" y="2744788"/>
          <p14:tracePt t="57088" x="9209088" y="2752725"/>
          <p14:tracePt t="57095" x="9183688" y="2752725"/>
          <p14:tracePt t="57101" x="9167813" y="2752725"/>
          <p14:tracePt t="57108" x="9158288" y="2752725"/>
          <p14:tracePt t="57115" x="9132888" y="2752725"/>
          <p14:tracePt t="57122" x="9107488" y="2762250"/>
          <p14:tracePt t="57129" x="9099550" y="2770188"/>
          <p14:tracePt t="57136" x="9074150" y="2778125"/>
          <p14:tracePt t="57142" x="9048750" y="2778125"/>
          <p14:tracePt t="57149" x="9023350" y="2787650"/>
          <p14:tracePt t="57156" x="9005888" y="2805113"/>
          <p14:tracePt t="57163" x="8988425" y="2805113"/>
          <p14:tracePt t="57171" x="8963025" y="2813050"/>
          <p14:tracePt t="57177" x="8955088" y="2813050"/>
          <p14:tracePt t="57184" x="8929688" y="2820988"/>
          <p14:tracePt t="57191" x="8921750" y="2830513"/>
          <p14:tracePt t="57197" x="8912225" y="2830513"/>
          <p14:tracePt t="57205" x="8904288" y="2830513"/>
          <p14:tracePt t="57212" x="8894763" y="2838450"/>
          <p14:tracePt t="57218" x="8886825" y="2838450"/>
          <p14:tracePt t="57239" x="8878888" y="2846388"/>
          <p14:tracePt t="57246" x="8869363" y="2846388"/>
          <p14:tracePt t="57260" x="8861425" y="2846388"/>
          <p14:tracePt t="57274" x="8853488" y="2846388"/>
          <p14:tracePt t="57288" x="8853488" y="2855913"/>
          <p14:tracePt t="57309" x="8843963" y="2855913"/>
          <p14:tracePt t="57322" x="8836025" y="2855913"/>
          <p14:tracePt t="57337" x="8828088" y="2855913"/>
          <p14:tracePt t="57371" x="8818563" y="2855913"/>
          <p14:tracePt t="57385" x="8810625" y="2855913"/>
          <p14:tracePt t="57419" x="8802688" y="2855913"/>
          <p14:tracePt t="57433" x="8793163" y="2855913"/>
          <p14:tracePt t="57455" x="8785225" y="2855913"/>
          <p14:tracePt t="57461" x="8785225" y="2846388"/>
          <p14:tracePt t="57477" x="8785225" y="2838450"/>
          <p14:tracePt t="57482" x="8777288" y="2838450"/>
          <p14:tracePt t="57495" x="8777288" y="2830513"/>
          <p14:tracePt t="57502" x="8767763" y="2830513"/>
          <p14:tracePt t="57523" x="8767763" y="2820988"/>
          <p14:tracePt t="57537" x="8759825" y="2813050"/>
          <p14:tracePt t="57572" x="8750300" y="2813050"/>
          <p14:tracePt t="57579" x="8750300" y="2805113"/>
          <p14:tracePt t="57891" x="8742363" y="2795588"/>
          <p14:tracePt t="57912" x="8742363" y="2787650"/>
          <p14:tracePt t="59074" x="8759825" y="2787650"/>
          <p14:tracePt t="59079" x="8750300" y="2787650"/>
          <p14:tracePt t="60132" x="8750300" y="2778125"/>
          <p14:tracePt t="60139" x="8759825" y="2762250"/>
          <p14:tracePt t="60146" x="8767763" y="2744788"/>
          <p14:tracePt t="60153" x="8777288" y="2719388"/>
          <p14:tracePt t="60161" x="8802688" y="2686050"/>
          <p14:tracePt t="60165" x="8818563" y="2660650"/>
          <p14:tracePt t="60172" x="8843963" y="2625725"/>
          <p14:tracePt t="60179" x="8886825" y="2582863"/>
          <p14:tracePt t="60187" x="8921750" y="2549525"/>
          <p14:tracePt t="60193" x="8963025" y="2524125"/>
          <p14:tracePt t="60201" x="8997950" y="2489200"/>
          <p14:tracePt t="60207" x="9039225" y="2463800"/>
          <p14:tracePt t="60213" x="9056688" y="2438400"/>
          <p14:tracePt t="60221" x="9082088" y="2422525"/>
          <p14:tracePt t="60227" x="9099550" y="2413000"/>
          <p14:tracePt t="60234" x="9124950" y="2397125"/>
          <p14:tracePt t="60242" x="9150350" y="2379663"/>
          <p14:tracePt t="60248" x="9167813" y="2362200"/>
          <p14:tracePt t="60255" x="9193213" y="2344738"/>
          <p14:tracePt t="60262" x="9226550" y="2319338"/>
          <p14:tracePt t="60269" x="9277350" y="2303463"/>
          <p14:tracePt t="60277" x="9312275" y="2278063"/>
          <p14:tracePt t="60283" x="9363075" y="2235200"/>
          <p14:tracePt t="60290" x="9431338" y="2192338"/>
          <p14:tracePt t="60297" x="9464675" y="2149475"/>
          <p14:tracePt t="60304" x="9515475" y="2124075"/>
          <p14:tracePt t="60311" x="9558338" y="2082800"/>
          <p14:tracePt t="60318" x="9609138" y="2055813"/>
          <p14:tracePt t="60326" x="9642475" y="2022475"/>
          <p14:tracePt t="60331" x="9677400" y="2005013"/>
          <p14:tracePt t="60339" x="9710738" y="1979613"/>
          <p14:tracePt t="60345" x="9753600" y="1954213"/>
          <p14:tracePt t="60353" x="9786938" y="1938338"/>
          <p14:tracePt t="60360" x="9821863" y="1920875"/>
          <p14:tracePt t="60365" x="9847263" y="1903413"/>
          <p14:tracePt t="60373" x="9872663" y="1885950"/>
          <p14:tracePt t="60380" x="9890125" y="1860550"/>
          <p14:tracePt t="60387" x="9906000" y="1844675"/>
          <p14:tracePt t="60394" x="9931400" y="1827213"/>
          <p14:tracePt t="60401" x="9956800" y="1819275"/>
          <p14:tracePt t="60409" x="9983788" y="1801813"/>
          <p14:tracePt t="60414" x="10017125" y="1784350"/>
          <p14:tracePt t="60422" x="10042525" y="1758950"/>
          <p14:tracePt t="60428" x="10075863" y="1733550"/>
          <p14:tracePt t="60435" x="10101263" y="1716088"/>
          <p14:tracePt t="60444" x="10136188" y="1700213"/>
          <p14:tracePt t="60450" x="10153650" y="1682750"/>
          <p14:tracePt t="60457" x="10169525" y="1665288"/>
          <p14:tracePt t="60466" x="10186988" y="1649413"/>
          <p14:tracePt t="60470" x="10204450" y="1639888"/>
          <p14:tracePt t="60477" x="10220325" y="1631950"/>
          <p14:tracePt t="60484" x="10229850" y="1614488"/>
          <p14:tracePt t="60492" x="10255250" y="1606550"/>
          <p14:tracePt t="60497" x="10271125" y="1581150"/>
          <p14:tracePt t="60505" x="10288588" y="1555750"/>
          <p14:tracePt t="60511" x="10306050" y="1538288"/>
          <p14:tracePt t="60518" x="10339388" y="1504950"/>
          <p14:tracePt t="60525" x="10364788" y="1470025"/>
          <p14:tracePt t="60532" x="10390188" y="1436688"/>
          <p14:tracePt t="60539" x="10425113" y="1393825"/>
          <p14:tracePt t="60546" x="10442575" y="1376363"/>
          <p14:tracePt t="60553" x="10475913" y="1333500"/>
          <p14:tracePt t="60560" x="10526713" y="1282700"/>
          <p14:tracePt t="60567" x="10577513" y="1216025"/>
          <p14:tracePt t="60573" x="10628313" y="1163638"/>
          <p14:tracePt t="60580" x="10663238" y="1130300"/>
          <p14:tracePt t="60588" x="10679113" y="1104900"/>
          <p14:tracePt t="60594" x="10696575" y="1087438"/>
          <p14:tracePt t="60602" x="10714038" y="1069975"/>
          <p14:tracePt t="60609" x="10729913" y="1054100"/>
          <p14:tracePt t="60615" x="10739438" y="1044575"/>
          <p14:tracePt t="60622" x="10747375" y="1028700"/>
          <p14:tracePt t="60629" x="10756900" y="1019175"/>
          <p14:tracePt t="60636" x="10772775" y="1003300"/>
          <p14:tracePt t="60643" x="10790238" y="993775"/>
          <p14:tracePt t="60650" x="10798175" y="977900"/>
          <p14:tracePt t="60657" x="10807700" y="977900"/>
          <p14:tracePt t="60663" x="10823575" y="968375"/>
          <p14:tracePt t="60670" x="10833100" y="952500"/>
          <p14:tracePt t="60677" x="10841038" y="942975"/>
          <p14:tracePt t="60684" x="10858500" y="935038"/>
          <p14:tracePt t="60698" x="10866438" y="925513"/>
          <p14:tracePt t="60705" x="10874375" y="917575"/>
          <p14:tracePt t="60712" x="10883900" y="917575"/>
          <p14:tracePt t="60720" x="10901363" y="900113"/>
          <p14:tracePt t="60727" x="10909300" y="892175"/>
          <p14:tracePt t="60742" x="10917238" y="892175"/>
          <p14:tracePt t="60747" x="10926763" y="884238"/>
          <p14:tracePt t="60754" x="10934700" y="884238"/>
          <p14:tracePt t="60768" x="10934700" y="874713"/>
          <p14:tracePt t="60776" x="10942638" y="874713"/>
          <p14:tracePt t="60782" x="10960100" y="866775"/>
          <p14:tracePt t="60795" x="10968038" y="866775"/>
          <p14:tracePt t="60802" x="10977563" y="858838"/>
          <p14:tracePt t="60808" x="10985500" y="849313"/>
          <p14:tracePt t="60815" x="10993438" y="841375"/>
          <p14:tracePt t="60822" x="11002963" y="841375"/>
          <p14:tracePt t="60829" x="11010900" y="833438"/>
          <p14:tracePt t="60836" x="11018838" y="833438"/>
          <p14:tracePt t="60843" x="11028363" y="823913"/>
          <p14:tracePt t="60850" x="11036300" y="823913"/>
          <p14:tracePt t="60864" x="11044238" y="815975"/>
          <p14:tracePt t="60871" x="11053763" y="815975"/>
          <p14:tracePt t="60885" x="11061700" y="808038"/>
          <p14:tracePt t="60892" x="11071225" y="798513"/>
          <p14:tracePt t="60912" x="11079163" y="790575"/>
          <p14:tracePt t="60920" x="11096625" y="781050"/>
          <p14:tracePt t="60927" x="11096625" y="773113"/>
          <p14:tracePt t="60933" x="11104563" y="773113"/>
          <p14:tracePt t="60941" x="11122025" y="755650"/>
          <p14:tracePt t="60947" x="11147425" y="739775"/>
          <p14:tracePt t="60954" x="11155363" y="722313"/>
          <p14:tracePt t="60961" x="11188700" y="704850"/>
          <p14:tracePt t="60968" x="11215688" y="688975"/>
          <p14:tracePt t="60975" x="11256963" y="654050"/>
          <p14:tracePt t="60982" x="11274425" y="636588"/>
          <p14:tracePt t="60989" x="11299825" y="628650"/>
          <p14:tracePt t="60996" x="11325225" y="611188"/>
          <p14:tracePt t="61003" x="11342688" y="595313"/>
          <p14:tracePt t="61011" x="11360150" y="577850"/>
          <p14:tracePt t="61016" x="11360150" y="569913"/>
          <p14:tracePt t="61025" x="11368088" y="569913"/>
          <p14:tracePt t="61030" x="11376025" y="560388"/>
          <p14:tracePt t="61038" x="11376025" y="552450"/>
          <p14:tracePt t="61044" x="11385550" y="552450"/>
          <p14:tracePt t="61052" x="11393488" y="544513"/>
          <p14:tracePt t="61062" x="11393488" y="534988"/>
          <p14:tracePt t="61065" x="11401425" y="534988"/>
          <p14:tracePt t="61073" x="11401425" y="527050"/>
          <p14:tracePt t="61080" x="11410950" y="527050"/>
          <p14:tracePt t="61087" x="11418888" y="519113"/>
          <p14:tracePt t="61096" x="11418888" y="509588"/>
          <p14:tracePt t="61101" x="11426825" y="509588"/>
          <p14:tracePt t="61108" x="11436350" y="492125"/>
          <p14:tracePt t="61114" x="11444288" y="484188"/>
          <p14:tracePt t="61121" x="11452225" y="484188"/>
          <p14:tracePt t="61128" x="11461750" y="466725"/>
          <p14:tracePt t="61134" x="11469688" y="466725"/>
          <p14:tracePt t="61142" x="11469688" y="458788"/>
          <p14:tracePt t="61148" x="11477625" y="450850"/>
          <p14:tracePt t="61162" x="11487150" y="441325"/>
          <p14:tracePt t="61169" x="11495088" y="441325"/>
          <p14:tracePt t="61176" x="11495088" y="433388"/>
          <p14:tracePt t="61217" x="11477625" y="450850"/>
          <p14:tracePt t="61224" x="11461750" y="458788"/>
          <p14:tracePt t="61232" x="11461750" y="476250"/>
          <p14:tracePt t="61239" x="11444288" y="492125"/>
          <p14:tracePt t="61247" x="11426825" y="519113"/>
          <p14:tracePt t="61253" x="11410950" y="527050"/>
          <p14:tracePt t="61261" x="11385550" y="552450"/>
          <p14:tracePt t="61266" x="11360150" y="569913"/>
          <p14:tracePt t="61273" x="11350625" y="595313"/>
          <p14:tracePt t="61280" x="11325225" y="620713"/>
          <p14:tracePt t="61287" x="11307763" y="636588"/>
          <p14:tracePt t="61294" x="11282363" y="663575"/>
          <p14:tracePt t="61299" x="11266488" y="671513"/>
          <p14:tracePt t="61306" x="11241088" y="688975"/>
          <p14:tracePt t="61313" x="11231563" y="714375"/>
          <p14:tracePt t="61321" x="11215688" y="730250"/>
          <p14:tracePt t="61327" x="11198225" y="747713"/>
          <p14:tracePt t="61335" x="11180763" y="765175"/>
          <p14:tracePt t="61342" x="11163300" y="790575"/>
          <p14:tracePt t="61348" x="11147425" y="815975"/>
          <p14:tracePt t="61355" x="11122025" y="849313"/>
          <p14:tracePt t="61362" x="11104563" y="884238"/>
          <p14:tracePt t="61369" x="11087100" y="917575"/>
          <p14:tracePt t="61376" x="11061700" y="985838"/>
          <p14:tracePt t="61383" x="11018838" y="1036638"/>
          <p14:tracePt t="61392" x="10977563" y="1096963"/>
          <p14:tracePt t="61397" x="10934700" y="1147763"/>
          <p14:tracePt t="61404" x="10891838" y="1198563"/>
          <p14:tracePt t="61412" x="10848975" y="1266825"/>
          <p14:tracePt t="61418" x="10798175" y="1317625"/>
          <p14:tracePt t="61426" x="10714038" y="1419225"/>
          <p14:tracePt t="61433" x="10620375" y="1530350"/>
          <p14:tracePt t="61440" x="10577513" y="1649413"/>
          <p14:tracePt t="61449" x="10475913" y="1766888"/>
          <p14:tracePt t="61452" x="10331450" y="1928813"/>
          <p14:tracePt t="61460" x="10212388" y="2055813"/>
          <p14:tracePt t="61467" x="10075863" y="2235200"/>
          <p14:tracePt t="61475" x="9956800" y="2438400"/>
          <p14:tracePt t="61480" x="9847263" y="2592388"/>
          <p14:tracePt t="61487" x="9745663" y="2711450"/>
          <p14:tracePt t="61494" x="9652000" y="2855913"/>
          <p14:tracePt t="61501" x="9575800" y="2974975"/>
          <p14:tracePt t="61508" x="9482138" y="3119438"/>
          <p14:tracePt t="61515" x="9405938" y="3221038"/>
          <p14:tracePt t="61522" x="9328150" y="3314700"/>
          <p14:tracePt t="61529" x="9269413" y="3382963"/>
          <p14:tracePt t="61535" x="9209088" y="3441700"/>
          <p14:tracePt t="61544" x="9175750" y="3484563"/>
          <p14:tracePt t="61550" x="9132888" y="3517900"/>
          <p14:tracePt t="61558" x="9099550" y="3552825"/>
          <p14:tracePt t="61563" x="9074150" y="3560763"/>
          <p14:tracePt t="61577" x="9132888" y="3492500"/>
          <p14:tracePt t="61584" x="9626600" y="2965450"/>
          <p14:tracePt t="61590" x="10280650" y="2286000"/>
          <p14:tracePt t="61882" x="10280650" y="2311400"/>
          <p14:tracePt t="61888" x="10280650" y="2336800"/>
          <p14:tracePt t="61895" x="10271125" y="2354263"/>
          <p14:tracePt t="61902" x="10271125" y="2371725"/>
          <p14:tracePt t="61911" x="10263188" y="2387600"/>
          <p14:tracePt t="61916" x="10255250" y="2397125"/>
          <p14:tracePt t="61923" x="10245725" y="2413000"/>
          <p14:tracePt t="61930" x="10237788" y="2455863"/>
          <p14:tracePt t="61936" x="10237788" y="2557463"/>
          <p14:tracePt t="61943" x="10237788" y="2617788"/>
          <p14:tracePt t="61951" x="10237788" y="2668588"/>
          <p14:tracePt t="61959" x="10229850" y="2770188"/>
          <p14:tracePt t="61964" x="10220325" y="2787650"/>
          <p14:tracePt t="61972" x="10204450" y="2787650"/>
          <p14:tracePt t="61978" x="10186988" y="2787650"/>
          <p14:tracePt t="61985" x="10179050" y="2778125"/>
          <p14:tracePt t="61993" x="10153650" y="2770188"/>
          <p14:tracePt t="62000" x="10126663" y="2762250"/>
          <p14:tracePt t="62007" x="10118725" y="2762250"/>
          <p14:tracePt t="62016" x="10101263" y="2762250"/>
          <p14:tracePt t="62021" x="10093325" y="2762250"/>
          <p14:tracePt t="62035" x="10085388" y="2770188"/>
          <p14:tracePt t="62043" x="10075863" y="2778125"/>
          <p14:tracePt t="62061" x="10067925" y="2787650"/>
          <p14:tracePt t="62068" x="10059988" y="2795588"/>
          <p14:tracePt t="62076" x="10050463" y="2795588"/>
          <p14:tracePt t="62082" x="10050463" y="2805113"/>
          <p14:tracePt t="62089" x="10042525" y="2813050"/>
          <p14:tracePt t="62095" x="10025063" y="2820988"/>
          <p14:tracePt t="62103" x="10009188" y="2855913"/>
          <p14:tracePt t="62111" x="9983788" y="2881313"/>
          <p14:tracePt t="62116" x="9956800" y="2922588"/>
          <p14:tracePt t="62124" x="9931400" y="2957513"/>
          <p14:tracePt t="62130" x="9890125" y="3008313"/>
          <p14:tracePt t="62138" x="9864725" y="3041650"/>
          <p14:tracePt t="62144" x="9821863" y="3109913"/>
          <p14:tracePt t="62151" x="9779000" y="3170238"/>
          <p14:tracePt t="62158" x="9745663" y="3238500"/>
          <p14:tracePt t="62164" x="9702800" y="3289300"/>
          <p14:tracePt t="62171" x="9677400" y="3340100"/>
          <p14:tracePt t="62178" x="9652000" y="3373438"/>
          <p14:tracePt t="62185" x="9617075" y="3408363"/>
          <p14:tracePt t="62193" x="9591675" y="3449638"/>
          <p14:tracePt t="62199" x="9575800" y="3484563"/>
          <p14:tracePt t="62206" x="9550400" y="3517900"/>
          <p14:tracePt t="62213" x="9515475" y="3568700"/>
          <p14:tracePt t="62220" x="9498013" y="3603625"/>
          <p14:tracePt t="62227" x="9498013" y="3646488"/>
          <p14:tracePt t="62235" x="9482138" y="3697288"/>
          <p14:tracePt t="62242" x="9439275" y="3756025"/>
          <p14:tracePt t="62248" x="9405938" y="3806825"/>
          <p14:tracePt t="62255" x="9380538" y="3849688"/>
          <p14:tracePt t="62262" x="9337675" y="3900488"/>
          <p14:tracePt t="62269" x="9294813" y="3976688"/>
          <p14:tracePt t="62276" x="9244013" y="4062413"/>
          <p14:tracePt t="62282" x="9218613" y="4070350"/>
          <p14:tracePt t="62534" x="9132888" y="4316413"/>
          <p14:tracePt t="62541" x="9064625" y="4394200"/>
          <p14:tracePt t="62546" x="9005888" y="4445000"/>
          <p14:tracePt t="62553" x="8972550" y="4495800"/>
          <p14:tracePt t="62561" x="8972550" y="5073650"/>
          <p14:tracePt t="62569" x="8929688" y="5991225"/>
          <p14:tracePt t="66461" x="9039225" y="5932488"/>
          <p14:tracePt t="66468" x="9218613" y="5838825"/>
          <p14:tracePt t="66475" x="9353550" y="5761038"/>
          <p14:tracePt t="66482" x="9456738" y="5710238"/>
          <p14:tracePt t="66490" x="9532938" y="5668963"/>
          <p14:tracePt t="66495" x="9626600" y="5626100"/>
          <p14:tracePt t="66503" x="9710738" y="5591175"/>
          <p14:tracePt t="66510" x="9804400" y="5557838"/>
          <p14:tracePt t="66516" x="9880600" y="5514975"/>
          <p14:tracePt t="66524" x="9940925" y="5481638"/>
          <p14:tracePt t="66530" x="9991725" y="5456238"/>
          <p14:tracePt t="66538" x="10025063" y="5421313"/>
          <p14:tracePt t="66544" x="10067925" y="5395913"/>
          <p14:tracePt t="66551" x="10101263" y="5380038"/>
          <p14:tracePt t="66559" x="10126663" y="5362575"/>
          <p14:tracePt t="66564" x="10144125" y="5345113"/>
          <p14:tracePt t="66571" x="10169525" y="5337175"/>
          <p14:tracePt t="66578" x="10186988" y="5327650"/>
          <p14:tracePt t="66586" x="10204450" y="5319713"/>
          <p14:tracePt t="66592" x="10204450" y="5302250"/>
          <p14:tracePt t="66599" x="10212388" y="5294313"/>
          <p14:tracePt t="66606" x="10220325" y="5294313"/>
          <p14:tracePt t="66612" x="10220325" y="5276850"/>
          <p14:tracePt t="66619" x="10229850" y="5268913"/>
          <p14:tracePt t="66634" x="10237788" y="5260975"/>
          <p14:tracePt t="66640" x="10245725" y="5251450"/>
          <p14:tracePt t="66648" x="10255250" y="5243513"/>
          <p14:tracePt t="66655" x="10263188" y="5226050"/>
          <p14:tracePt t="66661" x="10271125" y="5208588"/>
          <p14:tracePt t="66668" x="10280650" y="5200650"/>
          <p14:tracePt t="66675" x="10288588" y="5192713"/>
          <p14:tracePt t="66682" x="10288588" y="5183188"/>
          <p14:tracePt t="66690" x="10288588" y="5175250"/>
          <p14:tracePt t="66696" x="10298113" y="5175250"/>
          <p14:tracePt t="66703" x="10298113" y="5167313"/>
          <p14:tracePt t="66710" x="10306050" y="5167313"/>
          <p14:tracePt t="66716" x="10306050" y="5157788"/>
          <p14:tracePt t="66773" x="10298113" y="5157788"/>
          <p14:tracePt t="66788" x="10280650" y="5157788"/>
          <p14:tracePt t="66794" x="10255250" y="5157788"/>
          <p14:tracePt t="66801" x="10237788" y="5167313"/>
          <p14:tracePt t="66809" x="10212388" y="5175250"/>
          <p14:tracePt t="66814" x="10186988" y="5175250"/>
          <p14:tracePt t="66821" x="10153650" y="5183188"/>
          <p14:tracePt t="66828" x="10126663" y="5183188"/>
          <p14:tracePt t="66835" x="10093325" y="5183188"/>
          <p14:tracePt t="66844" x="10067925" y="5183188"/>
          <p14:tracePt t="66849" x="10034588" y="5175250"/>
          <p14:tracePt t="66856" x="10009188" y="5167313"/>
          <p14:tracePt t="66862" x="9991725" y="5157788"/>
          <p14:tracePt t="66868" x="9966325" y="5157788"/>
          <p14:tracePt t="66875" x="9948863" y="5149850"/>
          <p14:tracePt t="66882" x="9931400" y="5149850"/>
          <p14:tracePt t="66889" x="9915525" y="5141913"/>
          <p14:tracePt t="66906" x="9890125" y="5132388"/>
          <p14:tracePt t="66910" x="9880600" y="5132388"/>
          <p14:tracePt t="66917" x="9864725" y="5124450"/>
          <p14:tracePt t="66931" x="9855200" y="5116513"/>
          <p14:tracePt t="66938" x="9847263" y="5116513"/>
          <p14:tracePt t="66953" x="9839325" y="5116513"/>
          <p14:tracePt t="66966" x="9829800" y="5106988"/>
          <p14:tracePt t="66980" x="9829800" y="5099050"/>
          <p14:tracePt t="66987" x="9821863" y="5099050"/>
          <p14:tracePt t="66993" x="9821863" y="5091113"/>
          <p14:tracePt t="67014" x="9812338" y="5091113"/>
          <p14:tracePt t="67028" x="9812338" y="5081588"/>
          <p14:tracePt t="67035" x="9804400" y="5081588"/>
          <p14:tracePt t="67042" x="9804400" y="5073650"/>
          <p14:tracePt t="67063" x="9796463" y="5073650"/>
          <p14:tracePt t="67076" x="9796463" y="5064125"/>
          <p14:tracePt t="67084" x="9786938" y="5064125"/>
          <p14:tracePt t="67091" x="9786938" y="5056188"/>
          <p14:tracePt t="67097" x="9779000" y="5056188"/>
          <p14:tracePt t="67111" x="9771063" y="5056188"/>
          <p14:tracePt t="67118" x="9761538" y="5056188"/>
          <p14:tracePt t="67125" x="9761538" y="5048250"/>
          <p14:tracePt t="67140" x="9753600" y="5038725"/>
          <p14:tracePt t="67146" x="9745663" y="5038725"/>
          <p14:tracePt t="67153" x="9736138" y="5030788"/>
          <p14:tracePt t="67160" x="9728200" y="5030788"/>
          <p14:tracePt t="67167" x="9710738" y="5030788"/>
          <p14:tracePt t="67174" x="9694863" y="5022850"/>
          <p14:tracePt t="67181" x="9667875" y="5013325"/>
          <p14:tracePt t="67188" x="9642475" y="4997450"/>
          <p14:tracePt t="67194" x="9617075" y="4987925"/>
          <p14:tracePt t="67201" x="9591675" y="4972050"/>
          <p14:tracePt t="67210" x="9575800" y="4954588"/>
          <p14:tracePt t="67214" x="9550400" y="4946650"/>
          <p14:tracePt t="67223" x="9515475" y="4937125"/>
          <p14:tracePt t="67230" x="9498013" y="4929188"/>
          <p14:tracePt t="67236" x="9482138" y="4929188"/>
          <p14:tracePt t="67243" x="9456738" y="4919663"/>
          <p14:tracePt t="67249" x="9439275" y="4919663"/>
          <p14:tracePt t="67257" x="9431338" y="4911725"/>
          <p14:tracePt t="67263" x="9413875" y="4911725"/>
          <p14:tracePt t="67271" x="9405938" y="4903788"/>
          <p14:tracePt t="67277" x="9396413" y="4903788"/>
          <p14:tracePt t="67284" x="9388475" y="4894263"/>
          <p14:tracePt t="67298" x="9380538" y="4894263"/>
          <p14:tracePt t="67312" x="9371013" y="4894263"/>
          <p14:tracePt t="67319" x="9363075" y="4894263"/>
          <p14:tracePt t="67333" x="9353550" y="4894263"/>
          <p14:tracePt t="67388" x="9353550" y="4903788"/>
          <p14:tracePt t="67422" x="9353550" y="4911725"/>
          <p14:tracePt t="67437" x="9363075" y="4919663"/>
          <p14:tracePt t="67451" x="9363075" y="4929188"/>
          <p14:tracePt t="67458" x="9371013" y="4929188"/>
          <p14:tracePt t="67478" x="9380538" y="4937125"/>
          <p14:tracePt t="67484" x="9380538" y="4946650"/>
          <p14:tracePt t="67498" x="9388475" y="4954588"/>
          <p14:tracePt t="67512" x="9388475" y="4962525"/>
          <p14:tracePt t="67519" x="9388475" y="4972050"/>
          <p14:tracePt t="67526" x="9396413" y="4972050"/>
          <p14:tracePt t="67533" x="9396413" y="4979988"/>
          <p14:tracePt t="67540" x="9396413" y="4987925"/>
          <p14:tracePt t="67547" x="9405938" y="4987925"/>
          <p14:tracePt t="67561" x="9413875" y="4987925"/>
          <p14:tracePt t="67575" x="9413875" y="4997450"/>
          <p14:tracePt t="67589" x="9413875" y="5005388"/>
          <p14:tracePt t="67595" x="9421813" y="5005388"/>
          <p14:tracePt t="67602" x="9421813" y="5013325"/>
          <p14:tracePt t="67609" x="9431338" y="5013325"/>
          <p14:tracePt t="67629" x="9431338" y="5022850"/>
          <p14:tracePt t="67636" x="9439275" y="5030788"/>
          <p14:tracePt t="67650" x="9439275" y="5038725"/>
          <p14:tracePt t="67657" x="9447213" y="5048250"/>
          <p14:tracePt t="67664" x="9456738" y="5056188"/>
          <p14:tracePt t="67685" x="9464675" y="5064125"/>
          <p14:tracePt t="67692" x="9472613" y="5073650"/>
          <p14:tracePt t="67707" x="9482138" y="5081588"/>
          <p14:tracePt t="67713" x="9490075" y="5091113"/>
          <p14:tracePt t="67720" x="9490075" y="5099050"/>
          <p14:tracePt t="67726" x="9498013" y="5099050"/>
          <p14:tracePt t="67741" x="9507538" y="5106988"/>
          <p14:tracePt t="67748" x="9515475" y="5116513"/>
          <p14:tracePt t="67762" x="9523413" y="5116513"/>
          <p14:tracePt t="67768" x="9532938" y="5124450"/>
          <p14:tracePt t="67776" x="9532938" y="5132388"/>
          <p14:tracePt t="67796" x="9540875" y="5141913"/>
          <p14:tracePt t="67803" x="9550400" y="5141913"/>
          <p14:tracePt t="67810" x="9550400" y="5149850"/>
          <p14:tracePt t="67817" x="9558338" y="5157788"/>
          <p14:tracePt t="67831" x="9566275" y="5157788"/>
          <p14:tracePt t="67838" x="9566275" y="5167313"/>
          <p14:tracePt t="67844" x="9575800" y="5175250"/>
          <p14:tracePt t="67859" x="9583738" y="5183188"/>
          <p14:tracePt t="67865" x="9591675" y="5192713"/>
          <p14:tracePt t="67875" x="9601200" y="5200650"/>
          <p14:tracePt t="67905" x="9617075" y="5218113"/>
          <p14:tracePt t="67914" x="9626600" y="5226050"/>
          <p14:tracePt t="67920" x="9634538" y="5235575"/>
          <p14:tracePt t="67927" x="9642475" y="5243513"/>
          <p14:tracePt t="67948" x="9652000" y="5251450"/>
          <p14:tracePt t="67955" x="9659938" y="5260975"/>
          <p14:tracePt t="67969" x="9667875" y="5268913"/>
          <p14:tracePt t="67975" x="9677400" y="5276850"/>
          <p14:tracePt t="67983" x="9685338" y="5286375"/>
          <p14:tracePt t="68004" x="9694863" y="5294313"/>
          <p14:tracePt t="68010" x="9702800" y="5302250"/>
          <p14:tracePt t="68025" x="9710738" y="5311775"/>
          <p14:tracePt t="68031" x="9720263" y="5319713"/>
          <p14:tracePt t="68039" x="9720263" y="5327650"/>
          <p14:tracePt t="68052" x="9728200" y="5327650"/>
          <p14:tracePt t="68058" x="9728200" y="5337175"/>
          <p14:tracePt t="68066" x="9728200" y="5345113"/>
          <p14:tracePt t="68073" x="9736138" y="5345113"/>
          <p14:tracePt t="68080" x="9736138" y="5353050"/>
          <p14:tracePt t="68086" x="9745663" y="5362575"/>
          <p14:tracePt t="68093" x="9745663" y="5370513"/>
          <p14:tracePt t="68107" x="9753600" y="5370513"/>
          <p14:tracePt t="68114" x="9753600" y="5380038"/>
          <p14:tracePt t="68124" x="9761538" y="5387975"/>
          <p14:tracePt t="68135" x="9771063" y="5387975"/>
          <p14:tracePt t="68142" x="9771063" y="5395913"/>
          <p14:tracePt t="68149" x="9771063" y="5405438"/>
          <p14:tracePt t="68158" x="9779000" y="5405438"/>
          <p14:tracePt t="68163" x="9786938" y="5413375"/>
          <p14:tracePt t="68184" x="9786938" y="5421313"/>
          <p14:tracePt t="68198" x="9796463" y="5430838"/>
          <p14:tracePt t="68211" x="9804400" y="5430838"/>
          <p14:tracePt t="68226" x="9804400" y="5438775"/>
          <p14:tracePt t="68243" x="9812338" y="5438775"/>
          <p14:tracePt t="68246" x="9812338" y="5446713"/>
          <p14:tracePt t="68253" x="9821863" y="5446713"/>
          <p14:tracePt t="68260" x="9829800" y="5446713"/>
          <p14:tracePt t="68281" x="9839325" y="5456238"/>
          <p14:tracePt t="68287" x="9847263" y="5456238"/>
          <p14:tracePt t="68294" x="9847263" y="5464175"/>
          <p14:tracePt t="68308" x="9855200" y="5472113"/>
          <p14:tracePt t="68315" x="9864725" y="5472113"/>
          <p14:tracePt t="68329" x="9872663" y="5472113"/>
          <p14:tracePt t="68342" x="9880600" y="5481638"/>
          <p14:tracePt t="68349" x="9890125" y="5489575"/>
          <p14:tracePt t="68363" x="9898063" y="5497513"/>
          <p14:tracePt t="68377" x="9906000" y="5507038"/>
          <p14:tracePt t="68384" x="9915525" y="5514975"/>
          <p14:tracePt t="68398" x="9923463" y="5524500"/>
          <p14:tracePt t="68406" x="9931400" y="5532438"/>
          <p14:tracePt t="68418" x="9940925" y="5532438"/>
          <p14:tracePt t="68425" x="9940925" y="5540375"/>
          <p14:tracePt t="68433" x="9948863" y="5549900"/>
          <p14:tracePt t="68441" x="9956800" y="5557838"/>
          <p14:tracePt t="68453" x="9956800" y="5565775"/>
          <p14:tracePt t="68460" x="9966325" y="5583238"/>
          <p14:tracePt t="68467" x="9974263" y="5583238"/>
          <p14:tracePt t="68475" x="9974263" y="5591175"/>
          <p14:tracePt t="68481" x="9983788" y="5608638"/>
          <p14:tracePt t="68489" x="9991725" y="5608638"/>
          <p14:tracePt t="68494" x="9999663" y="5616575"/>
          <p14:tracePt t="68501" x="9999663" y="5626100"/>
          <p14:tracePt t="68509" x="10009188" y="5634038"/>
          <p14:tracePt t="68516" x="10017125" y="5651500"/>
          <p14:tracePt t="68523" x="10034588" y="5659438"/>
          <p14:tracePt t="68529" x="10059988" y="5694363"/>
          <p14:tracePt t="68537" x="10075863" y="5719763"/>
          <p14:tracePt t="68543" x="10093325" y="5745163"/>
          <p14:tracePt t="68550" x="10110788" y="5761038"/>
          <p14:tracePt t="68557" x="10118725" y="5788025"/>
          <p14:tracePt t="68564" x="10136188" y="5803900"/>
          <p14:tracePt t="68572" x="10153650" y="5821363"/>
          <p14:tracePt t="68578" x="10169525" y="5829300"/>
          <p14:tracePt t="68585" x="10169525" y="5838825"/>
          <p14:tracePt t="68592" x="10169525" y="5854700"/>
          <p14:tracePt t="68599" x="10179050" y="5854700"/>
          <p14:tracePt t="68606" x="10186988" y="5864225"/>
          <p14:tracePt t="68619" x="10194925" y="5872163"/>
          <p14:tracePt t="68626" x="10194925" y="5880100"/>
          <p14:tracePt t="68633" x="10204450" y="5880100"/>
          <p14:tracePt t="68640" x="10204450" y="5889625"/>
          <p14:tracePt t="68647" x="10212388" y="5897563"/>
          <p14:tracePt t="68667" x="10220325" y="5905500"/>
          <p14:tracePt t="68681" x="10220325" y="5915025"/>
          <p14:tracePt t="68688" x="10229850" y="5915025"/>
          <p14:tracePt t="68695" x="10229850" y="5922963"/>
          <p14:tracePt t="68701" x="10237788" y="5922963"/>
          <p14:tracePt t="68731" x="10237788" y="5932488"/>
          <p14:tracePt t="68737" x="10245725" y="5932488"/>
          <p14:tracePt t="68745" x="10245725" y="5940425"/>
          <p14:tracePt t="68752" x="10255250" y="5940425"/>
          <p14:tracePt t="68775" x="10255250" y="5948363"/>
          <p14:tracePt t="68786" x="10263188" y="5948363"/>
          <p14:tracePt t="68793" x="10263188" y="5957888"/>
          <p14:tracePt t="68807" x="10271125" y="5957888"/>
          <p14:tracePt t="68813" x="10271125" y="5965825"/>
          <p14:tracePt t="68841" x="10280650" y="5965825"/>
          <p14:tracePt t="68856" x="10280650" y="5973763"/>
          <p14:tracePt t="68875" x="10280650" y="5983288"/>
          <p14:tracePt t="68903" x="10288588" y="5983288"/>
          <p14:tracePt t="68931" x="10298113" y="5983288"/>
          <p14:tracePt t="68938" x="10298113" y="5991225"/>
          <p14:tracePt t="68958" x="10298113" y="5999163"/>
          <p14:tracePt t="68985" x="10298113" y="6008688"/>
          <p14:tracePt t="69041" x="10306050" y="6008688"/>
          <p14:tracePt t="69062" x="10313988" y="6008688"/>
          <p14:tracePt t="69069" x="10313988" y="6016625"/>
          <p14:tracePt t="69090" x="10313988" y="6024563"/>
          <p14:tracePt t="69111" x="10323513" y="6024563"/>
          <p14:tracePt t="69159" x="10331450" y="6024563"/>
          <p14:tracePt t="69187" x="10339388" y="6024563"/>
          <p14:tracePt t="69221" x="10339388" y="6034088"/>
          <p14:tracePt t="69236" x="10339388" y="6042025"/>
          <p14:tracePt t="69241" x="10348913" y="6042025"/>
          <p14:tracePt t="69269" x="10348913" y="6049963"/>
          <p14:tracePt t="69276" x="10356850" y="6049963"/>
          <p14:tracePt t="69332" x="10348913" y="6042025"/>
          <p14:tracePt t="69339" x="10348913" y="6034088"/>
          <p14:tracePt t="69353" x="10339388" y="6024563"/>
          <p14:tracePt t="69360" x="10331450" y="6024563"/>
          <p14:tracePt t="74797" x="10263188" y="5973763"/>
          <p14:tracePt t="74804" x="10085388" y="5872163"/>
          <p14:tracePt t="74811" x="9779000" y="5710238"/>
          <p14:tracePt t="74818" x="9523413" y="5583238"/>
          <p14:tracePt t="74824" x="9353550" y="5481638"/>
          <p14:tracePt t="74831" x="9218613" y="5405438"/>
          <p14:tracePt t="74838" x="9082088" y="5345113"/>
          <p14:tracePt t="74845" x="8955088" y="5294313"/>
          <p14:tracePt t="74853" x="8869363" y="5268913"/>
          <p14:tracePt t="74859" x="8777288" y="5235575"/>
          <p14:tracePt t="74866" x="8691563" y="5200650"/>
          <p14:tracePt t="74873" x="8640763" y="5175250"/>
          <p14:tracePt t="74880" x="8589963" y="5167313"/>
          <p14:tracePt t="74887" x="8547100" y="5149850"/>
          <p14:tracePt t="74905" x="8478838" y="5132388"/>
          <p14:tracePt t="74908" x="8453438" y="5132388"/>
          <p14:tracePt t="74914" x="8435975" y="5132388"/>
          <p14:tracePt t="74922" x="8402638" y="5132388"/>
          <p14:tracePt t="74928" x="8377238" y="5132388"/>
          <p14:tracePt t="74936" x="8359775" y="5132388"/>
          <p14:tracePt t="74942" x="8334375" y="5132388"/>
          <p14:tracePt t="74949" x="8301038" y="5132388"/>
          <p14:tracePt t="74956" x="8283575" y="5132388"/>
          <p14:tracePt t="74963" x="8250238" y="5132388"/>
          <p14:tracePt t="74970" x="8215313" y="5132388"/>
          <p14:tracePt t="74976" x="8181975" y="5132388"/>
          <p14:tracePt t="74983" x="8147050" y="5141913"/>
          <p14:tracePt t="74991" x="8131175" y="5141913"/>
          <p14:tracePt t="74997" x="8105775" y="5141913"/>
          <p14:tracePt t="75005" x="8096250" y="5141913"/>
          <p14:tracePt t="75012" x="8070850" y="5141913"/>
          <p14:tracePt t="75019" x="8045450" y="5141913"/>
          <p14:tracePt t="75025" x="8037513" y="5149850"/>
          <p14:tracePt t="75033" x="8012113" y="5149850"/>
          <p14:tracePt t="75039" x="7994650" y="5157788"/>
          <p14:tracePt t="75046" x="7977188" y="5167313"/>
          <p14:tracePt t="75055" x="7961313" y="5167313"/>
          <p14:tracePt t="75060" x="7951788" y="5175250"/>
          <p14:tracePt t="75067" x="7935913" y="5183188"/>
          <p14:tracePt t="75074" x="7935913" y="5200650"/>
          <p14:tracePt t="75081" x="7918450" y="5208588"/>
          <p14:tracePt t="75095" x="7910513" y="5218113"/>
          <p14:tracePt t="75102" x="7900988" y="5218113"/>
          <p14:tracePt t="75108" x="7900988" y="5226050"/>
          <p14:tracePt t="75123" x="7900988" y="5235575"/>
          <p14:tracePt t="75139" x="7893050" y="5243513"/>
          <p14:tracePt t="75143" x="7893050" y="5251450"/>
          <p14:tracePt t="75156" x="7893050" y="5260975"/>
          <p14:tracePt t="75164" x="7893050" y="5268913"/>
          <p14:tracePt t="75178" x="7885113" y="5276850"/>
          <p14:tracePt t="75184" x="7885113" y="5286375"/>
          <p14:tracePt t="75205" x="7885113" y="5294313"/>
          <p14:tracePt t="75212" x="7885113" y="5302250"/>
          <p14:tracePt t="75220" x="7875588" y="5311775"/>
          <p14:tracePt t="75233" x="7867650" y="5319713"/>
          <p14:tracePt t="75247" x="7859713" y="5327650"/>
          <p14:tracePt t="75260" x="7859713" y="5337175"/>
          <p14:tracePt t="75267" x="7859713" y="5345113"/>
          <p14:tracePt t="75274" x="7850188" y="5353050"/>
          <p14:tracePt t="75281" x="7850188" y="5362575"/>
          <p14:tracePt t="75289" x="7842250" y="5370513"/>
          <p14:tracePt t="75294" x="7842250" y="5380038"/>
          <p14:tracePt t="75302" x="7842250" y="5387975"/>
          <p14:tracePt t="75309" x="7842250" y="5395913"/>
          <p14:tracePt t="75316" x="7842250" y="5405438"/>
          <p14:tracePt t="75322" x="7832725" y="5405438"/>
          <p14:tracePt t="75337" x="7824788" y="5413375"/>
          <p14:tracePt t="75343" x="7824788" y="5421313"/>
          <p14:tracePt t="75350" x="7816850" y="5421313"/>
          <p14:tracePt t="75364" x="7816850" y="5430838"/>
          <p14:tracePt t="75385" x="7807325" y="5438775"/>
          <p14:tracePt t="75399" x="7807325" y="5446713"/>
          <p14:tracePt t="75434" x="7807325" y="5456238"/>
          <p14:tracePt t="75440" x="7799388" y="5456238"/>
          <p14:tracePt t="75474" x="7799388" y="5464175"/>
          <p14:tracePt t="75488" x="7791450" y="5464175"/>
          <p14:tracePt t="75503" x="7791450" y="5472113"/>
          <p14:tracePt t="75509" x="7781925" y="5472113"/>
          <p14:tracePt t="75523" x="7781925" y="5481638"/>
          <p14:tracePt t="75530" x="7773988" y="5481638"/>
          <p14:tracePt t="75551" x="7773988" y="5489575"/>
          <p14:tracePt t="75565" x="7766050" y="5489575"/>
          <p14:tracePt t="75572" x="7766050" y="5497513"/>
          <p14:tracePt t="75579" x="7756525" y="5497513"/>
          <p14:tracePt t="75588" x="7756525" y="5507038"/>
          <p14:tracePt t="75600" x="7748588" y="5514975"/>
          <p14:tracePt t="75607" x="7748588" y="5524500"/>
          <p14:tracePt t="75613" x="7740650" y="5524500"/>
          <p14:tracePt t="75620" x="7731125" y="5532438"/>
          <p14:tracePt t="75634" x="7723188" y="5540375"/>
          <p14:tracePt t="75641" x="7715250" y="5549900"/>
          <p14:tracePt t="75661" x="7705725" y="5557838"/>
          <p14:tracePt t="75668" x="7697788" y="5565775"/>
          <p14:tracePt t="75675" x="7688263" y="5565775"/>
          <p14:tracePt t="75682" x="7688263" y="5575300"/>
          <p14:tracePt t="75689" x="7680325" y="5575300"/>
          <p14:tracePt t="75696" x="7672388" y="5583238"/>
          <p14:tracePt t="75703" x="7672388" y="5591175"/>
          <p14:tracePt t="75717" x="7662863" y="5591175"/>
          <p14:tracePt t="75723" x="7654925" y="5591175"/>
          <p14:tracePt t="75731" x="7646988" y="5600700"/>
          <p14:tracePt t="75744" x="7637463" y="5608638"/>
          <p14:tracePt t="75758" x="7629525" y="5608638"/>
          <p14:tracePt t="75779" x="7621588" y="5616575"/>
          <p14:tracePt t="75787" x="7612063" y="5616575"/>
          <p14:tracePt t="75793" x="7612063" y="5626100"/>
          <p14:tracePt t="75800" x="7604125" y="5626100"/>
          <p14:tracePt t="75806" x="7604125" y="5634038"/>
          <p14:tracePt t="75834" x="7596188" y="5634038"/>
          <p14:tracePt t="75848" x="7586663" y="5634038"/>
          <p14:tracePt t="75855" x="7586663" y="5641975"/>
          <p14:tracePt t="75876" x="7578725" y="5641975"/>
          <p14:tracePt t="75890" x="7578725" y="5651500"/>
          <p14:tracePt t="75905" x="7570788" y="5651500"/>
          <p14:tracePt t="75932" x="7561263" y="5651500"/>
          <p14:tracePt t="75938" x="7561263" y="5659438"/>
          <p14:tracePt t="75945" x="7553325" y="5659438"/>
          <p14:tracePt t="75959" x="7545388" y="5659438"/>
          <p14:tracePt t="75980" x="7545388" y="5668963"/>
          <p14:tracePt t="76001" x="7535863" y="5668963"/>
          <p14:tracePt t="76028" x="7527925" y="5668963"/>
          <p14:tracePt t="76056" x="7527925" y="5676900"/>
          <p14:tracePt t="76146" x="7518400" y="5676900"/>
          <p14:tracePt t="76174" x="7510463" y="5676900"/>
          <p14:tracePt t="76194" x="7502525" y="5676900"/>
          <p14:tracePt t="76208" x="7502525" y="5684838"/>
          <p14:tracePt t="76229" x="7493000" y="5694363"/>
          <p14:tracePt t="76243" x="7485063" y="5694363"/>
          <p14:tracePt t="76271" x="7485063" y="5702300"/>
          <p14:tracePt t="76278" x="7477125" y="5702300"/>
          <p14:tracePt t="76285" x="7477125" y="5710238"/>
          <p14:tracePt t="76292" x="7467600" y="5710238"/>
          <p14:tracePt t="76298" x="7467600" y="5719763"/>
          <p14:tracePt t="76311" x="7459663" y="5719763"/>
          <p14:tracePt t="76332" x="7451725" y="5727700"/>
          <p14:tracePt t="76347" x="7442200" y="5735638"/>
          <p14:tracePt t="76360" x="7434263" y="5735638"/>
          <p14:tracePt t="76367" x="7426325" y="5745163"/>
          <p14:tracePt t="76374" x="7416800" y="5745163"/>
          <p14:tracePt t="76382" x="7416800" y="5753100"/>
          <p14:tracePt t="76388" x="7408863" y="5753100"/>
          <p14:tracePt t="76395" x="7408863" y="5761038"/>
          <p14:tracePt t="76403" x="7400925" y="5770563"/>
          <p14:tracePt t="76416" x="7391400" y="5778500"/>
          <p14:tracePt t="76430" x="7383463" y="5778500"/>
          <p14:tracePt t="76437" x="7373938" y="5778500"/>
          <p14:tracePt t="76451" x="7373938" y="5788025"/>
          <p14:tracePt t="76464" x="7373938" y="5795963"/>
          <p14:tracePt t="76471" x="7366000" y="5795963"/>
          <p14:tracePt t="76486" x="7358063" y="5795963"/>
          <p14:tracePt t="76576" x="7358063" y="5788025"/>
          <p14:tracePt t="76604" x="7366000" y="5788025"/>
          <p14:tracePt t="76680" x="7373938" y="5788025"/>
          <p14:tracePt t="76706" x="7383463" y="5778500"/>
          <p14:tracePt t="76727" x="7383463" y="5770563"/>
          <p14:tracePt t="76734" x="7391400" y="5770563"/>
          <p14:tracePt t="76755" x="7391400" y="5761038"/>
          <p14:tracePt t="76803" x="7400925" y="5761038"/>
          <p14:tracePt t="76894" x="7408863" y="5761038"/>
          <p14:tracePt t="77004" x="7408863" y="5753100"/>
          <p14:tracePt t="77032" x="7408863" y="5745163"/>
          <p14:tracePt t="77059" x="7416800" y="5745163"/>
          <p14:tracePt t="77073" x="7426325" y="5745163"/>
          <p14:tracePt t="77087" x="7434263" y="5745163"/>
          <p14:tracePt t="77101" x="7442200" y="5745163"/>
          <p14:tracePt t="77107" x="7451725" y="5745163"/>
          <p14:tracePt t="77121" x="7459663" y="5745163"/>
          <p14:tracePt t="77128" x="7459663" y="5753100"/>
          <p14:tracePt t="77136" x="7467600" y="5753100"/>
          <p14:tracePt t="77142" x="7477125" y="5753100"/>
          <p14:tracePt t="77149" x="7477125" y="5761038"/>
          <p14:tracePt t="77155" x="7485063" y="5761038"/>
          <p14:tracePt t="77163" x="7493000" y="5770563"/>
          <p14:tracePt t="77171" x="7493000" y="5778500"/>
          <p14:tracePt t="77183" x="7502525" y="5788025"/>
          <p14:tracePt t="77190" x="7510463" y="5795963"/>
          <p14:tracePt t="77197" x="7518400" y="5795963"/>
          <p14:tracePt t="77204" x="7518400" y="5803900"/>
          <p14:tracePt t="77212" x="7527925" y="5803900"/>
          <p14:tracePt t="77219" x="7527925" y="5813425"/>
          <p14:tracePt t="77225" x="7535863" y="5821363"/>
          <p14:tracePt t="77239" x="7535863" y="5829300"/>
          <p14:tracePt t="77246" x="7535863" y="5846763"/>
          <p14:tracePt t="77260" x="7545388" y="5854700"/>
          <p14:tracePt t="77267" x="7545388" y="5872163"/>
          <p14:tracePt t="77281" x="7545388" y="5897563"/>
          <p14:tracePt t="77288" x="7545388" y="5915025"/>
          <p14:tracePt t="77294" x="7545388" y="5948363"/>
          <p14:tracePt t="77301" x="7545388" y="5983288"/>
          <p14:tracePt t="77310" x="7545388" y="6016625"/>
          <p14:tracePt t="77317" x="7535863" y="6034088"/>
          <p14:tracePt t="77324" x="7535863" y="6059488"/>
          <p14:tracePt t="77328" x="7527925" y="6084888"/>
          <p14:tracePt t="77336" x="7518400" y="6110288"/>
          <p14:tracePt t="77342" x="7518400" y="6118225"/>
          <p14:tracePt t="77350" x="7518400" y="6135688"/>
          <p14:tracePt t="77356" x="7518400" y="6143625"/>
          <p14:tracePt t="77370" x="7510463" y="6153150"/>
          <p14:tracePt t="77384" x="7502525" y="6161088"/>
          <p14:tracePt t="77398" x="7502525" y="6169025"/>
          <p14:tracePt t="77405" x="7493000" y="6178550"/>
          <p14:tracePt t="77489" x="7502525" y="6169025"/>
          <p14:tracePt t="77505" x="7510463" y="6169025"/>
          <p14:tracePt t="77516" x="7510463" y="6161088"/>
          <p14:tracePt t="77538" x="7518400" y="6153150"/>
          <p14:tracePt t="77905" x="7518400" y="6143625"/>
          <p14:tracePt t="77913" x="7527925" y="6135688"/>
          <p14:tracePt t="77918" x="7527925" y="6127750"/>
          <p14:tracePt t="77932" x="7527925" y="6118225"/>
          <p14:tracePt t="77938" x="7535863" y="6110288"/>
          <p14:tracePt t="77945" x="7545388" y="6110288"/>
          <p14:tracePt t="77953" x="7553325" y="6110288"/>
          <p14:tracePt t="77959" x="7553325" y="6102350"/>
          <p14:tracePt t="77965" x="7553325" y="6092825"/>
          <p14:tracePt t="77973" x="7561263" y="6084888"/>
          <p14:tracePt t="77979" x="7570788" y="6084888"/>
          <p14:tracePt t="77987" x="7570788" y="6076950"/>
          <p14:tracePt t="77993" x="7578725" y="6067425"/>
          <p14:tracePt t="78000" x="7586663" y="6067425"/>
          <p14:tracePt t="78007" x="7596188" y="6059488"/>
          <p14:tracePt t="78014" x="7596188" y="6049963"/>
          <p14:tracePt t="78022" x="7604125" y="6042025"/>
          <p14:tracePt t="78028" x="7612063" y="6034088"/>
          <p14:tracePt t="78036" x="7621588" y="6024563"/>
          <p14:tracePt t="78042" x="7629525" y="6016625"/>
          <p14:tracePt t="78049" x="7637463" y="6008688"/>
          <p14:tracePt t="78056" x="7654925" y="5999163"/>
          <p14:tracePt t="78062" x="7654925" y="5991225"/>
          <p14:tracePt t="78070" x="7662863" y="5983288"/>
          <p14:tracePt t="78076" x="7672388" y="5973763"/>
          <p14:tracePt t="78082" x="7680325" y="5965825"/>
          <p14:tracePt t="78089" x="7688263" y="5948363"/>
          <p14:tracePt t="78097" x="7697788" y="5948363"/>
          <p14:tracePt t="78104" x="7705725" y="5940425"/>
          <p14:tracePt t="78111" x="7723188" y="5932488"/>
          <p14:tracePt t="78119" x="7740650" y="5915025"/>
          <p14:tracePt t="78124" x="7756525" y="5905500"/>
          <p14:tracePt t="78131" x="7781925" y="5889625"/>
          <p14:tracePt t="78138" x="7791450" y="5872163"/>
          <p14:tracePt t="78145" x="7824788" y="5846763"/>
          <p14:tracePt t="78153" x="7867650" y="5829300"/>
          <p14:tracePt t="78159" x="7885113" y="5813425"/>
          <p14:tracePt t="78166" x="7910513" y="5795963"/>
          <p14:tracePt t="78173" x="7935913" y="5778500"/>
          <p14:tracePt t="78180" x="7961313" y="5761038"/>
          <p14:tracePt t="78188" x="7986713" y="5745163"/>
          <p14:tracePt t="78194" x="8004175" y="5735638"/>
          <p14:tracePt t="78201" x="8029575" y="5727700"/>
          <p14:tracePt t="78207" x="8045450" y="5710238"/>
          <p14:tracePt t="78214" x="8070850" y="5694363"/>
          <p14:tracePt t="78222" x="8088313" y="5676900"/>
          <p14:tracePt t="78229" x="8113713" y="5651500"/>
          <p14:tracePt t="78236" x="8139113" y="5641975"/>
          <p14:tracePt t="78242" x="8164513" y="5626100"/>
          <p14:tracePt t="78249" x="8189913" y="5616575"/>
          <p14:tracePt t="78256" x="8199438" y="5600700"/>
          <p14:tracePt t="78263" x="8224838" y="5591175"/>
          <p14:tracePt t="78270" x="8250238" y="5575300"/>
          <p14:tracePt t="78277" x="8266113" y="5557838"/>
          <p14:tracePt t="78284" x="8283575" y="5549900"/>
          <p14:tracePt t="78290" x="8291513" y="5540375"/>
          <p14:tracePt t="78298" x="8318500" y="5532438"/>
          <p14:tracePt t="78307" x="8326438" y="5524500"/>
          <p14:tracePt t="78311" x="8334375" y="5514975"/>
          <p14:tracePt t="78320" x="8351838" y="5507038"/>
          <p14:tracePt t="78325" x="8369300" y="5497513"/>
          <p14:tracePt t="78332" x="8385175" y="5489575"/>
          <p14:tracePt t="78338" x="8394700" y="5481638"/>
          <p14:tracePt t="78345" x="8410575" y="5464175"/>
          <p14:tracePt t="78353" x="8435975" y="5456238"/>
          <p14:tracePt t="78360" x="8445500" y="5446713"/>
          <p14:tracePt t="78367" x="8462963" y="5438775"/>
          <p14:tracePt t="78373" x="8478838" y="5430838"/>
          <p14:tracePt t="78381" x="8496300" y="5421313"/>
          <p14:tracePt t="78387" x="8496300" y="5413375"/>
          <p14:tracePt t="78394" x="8513763" y="5405438"/>
          <p14:tracePt t="78402" x="8529638" y="5395913"/>
          <p14:tracePt t="78408" x="8529638" y="5387975"/>
          <p14:tracePt t="78414" x="8539163" y="5380038"/>
          <p14:tracePt t="78422" x="8547100" y="5380038"/>
          <p14:tracePt t="78429" x="8555038" y="5370513"/>
          <p14:tracePt t="78436" x="8564563" y="5370513"/>
          <p14:tracePt t="78443" x="8572500" y="5362575"/>
          <p14:tracePt t="78449" x="8580438" y="5353050"/>
          <p14:tracePt t="78456" x="8589963" y="5353050"/>
          <p14:tracePt t="78464" x="8597900" y="5345113"/>
          <p14:tracePt t="78470" x="8605838" y="5337175"/>
          <p14:tracePt t="78477" x="8623300" y="5327650"/>
          <p14:tracePt t="78485" x="8632825" y="5327650"/>
          <p14:tracePt t="78491" x="8640763" y="5319713"/>
          <p14:tracePt t="78498" x="8658225" y="5319713"/>
          <p14:tracePt t="78505" x="8666163" y="5311775"/>
          <p14:tracePt t="78511" x="8674100" y="5302250"/>
          <p14:tracePt t="78519" x="8691563" y="5294313"/>
          <p14:tracePt t="78526" x="8709025" y="5286375"/>
          <p14:tracePt t="78540" x="8724900" y="5276850"/>
          <p14:tracePt t="78547" x="8750300" y="5276850"/>
          <p14:tracePt t="78553" x="8759825" y="5260975"/>
          <p14:tracePt t="78560" x="8777288" y="5251450"/>
          <p14:tracePt t="78568" x="8793163" y="5243513"/>
          <p14:tracePt t="78574" x="8810625" y="5235575"/>
          <p14:tracePt t="78581" x="8836025" y="5226050"/>
          <p14:tracePt t="78588" x="8861425" y="5208588"/>
          <p14:tracePt t="78595" x="8886825" y="5200650"/>
          <p14:tracePt t="78603" x="8912225" y="5183188"/>
          <p14:tracePt t="78609" x="8929688" y="5175250"/>
          <p14:tracePt t="78615" x="8947150" y="5167313"/>
          <p14:tracePt t="78622" x="8972550" y="5149850"/>
          <p14:tracePt t="78630" x="8988425" y="5149850"/>
          <p14:tracePt t="78637" x="9005888" y="5149850"/>
          <p14:tracePt t="78644" x="9023350" y="5141913"/>
          <p14:tracePt t="78650" x="9048750" y="5124450"/>
          <p14:tracePt t="78657" x="9064625" y="5116513"/>
          <p14:tracePt t="78663" x="9082088" y="5106988"/>
          <p14:tracePt t="78671" x="9107488" y="5091113"/>
          <p14:tracePt t="78678" x="9132888" y="5081588"/>
          <p14:tracePt t="78687" x="9158288" y="5064125"/>
          <p14:tracePt t="78691" x="9175750" y="5056188"/>
          <p14:tracePt t="78698" x="9193213" y="5048250"/>
          <p14:tracePt t="78705" x="9209088" y="5038725"/>
          <p14:tracePt t="78712" x="9236075" y="5022850"/>
          <p14:tracePt t="78719" x="9251950" y="5013325"/>
          <p14:tracePt t="78726" x="9261475" y="5005388"/>
          <p14:tracePt t="78733" x="9277350" y="4987925"/>
          <p14:tracePt t="78739" x="9294813" y="4987925"/>
          <p14:tracePt t="78746" x="9320213" y="4972050"/>
          <p14:tracePt t="78753" x="9328150" y="4962525"/>
          <p14:tracePt t="78761" x="9345613" y="4954588"/>
          <p14:tracePt t="78769" x="9363075" y="4937125"/>
          <p14:tracePt t="78775" x="9371013" y="4929188"/>
          <p14:tracePt t="78782" x="9388475" y="4919663"/>
          <p14:tracePt t="78788" x="9405938" y="4911725"/>
          <p14:tracePt t="78796" x="9421813" y="4903788"/>
          <p14:tracePt t="78803" x="9431338" y="4894263"/>
          <p14:tracePt t="78809" x="9439275" y="4878388"/>
          <p14:tracePt t="78816" x="9456738" y="4868863"/>
          <p14:tracePt t="78823" x="9472613" y="4868863"/>
          <p14:tracePt t="78830" x="9472613" y="4860925"/>
          <p14:tracePt t="78837" x="9482138" y="4852988"/>
          <p14:tracePt t="78844" x="9498013" y="4843463"/>
          <p14:tracePt t="78858" x="9515475" y="4843463"/>
          <p14:tracePt t="78865" x="9523413" y="4835525"/>
          <p14:tracePt t="78872" x="9523413" y="4827588"/>
          <p14:tracePt t="78879" x="9532938" y="4827588"/>
          <p14:tracePt t="78887" x="9550400" y="4818063"/>
          <p14:tracePt t="78900" x="9558338" y="4810125"/>
          <p14:tracePt t="78913" x="9566275" y="4802188"/>
          <p14:tracePt t="78922" x="9575800" y="4802188"/>
          <p14:tracePt t="78928" x="9583738" y="4792663"/>
          <p14:tracePt t="78934" x="9591675" y="4792663"/>
          <p14:tracePt t="78941" x="9609138" y="4784725"/>
          <p14:tracePt t="78948" x="9634538" y="4767263"/>
          <p14:tracePt t="78955" x="9659938" y="4759325"/>
          <p14:tracePt t="78962" x="9677400" y="4749800"/>
          <p14:tracePt t="78970" x="9702800" y="4741863"/>
          <p14:tracePt t="78976" x="9720263" y="4741863"/>
          <p14:tracePt t="78982" x="9736138" y="4733925"/>
          <p14:tracePt t="78989" x="9753600" y="4724400"/>
          <p14:tracePt t="78996" x="9771063" y="4716463"/>
          <p14:tracePt t="79003" x="9779000" y="4708525"/>
          <p14:tracePt t="79016" x="9796463" y="4699000"/>
          <p14:tracePt t="79023" x="9812338" y="4691063"/>
          <p14:tracePt t="79030" x="9821863" y="4691063"/>
          <p14:tracePt t="79038" x="9829800" y="4683125"/>
          <p14:tracePt t="79044" x="9847263" y="4673600"/>
          <p14:tracePt t="79052" x="9855200" y="4673600"/>
          <p14:tracePt t="79058" x="9872663" y="4665663"/>
          <p14:tracePt t="79065" x="9890125" y="4657725"/>
          <p14:tracePt t="79072" x="9898063" y="4648200"/>
          <p14:tracePt t="79079" x="9915525" y="4640263"/>
          <p14:tracePt t="79086" x="9923463" y="4630738"/>
          <p14:tracePt t="79093" x="9931400" y="4630738"/>
          <p14:tracePt t="79100" x="9940925" y="4630738"/>
          <p14:tracePt t="79107" x="9948863" y="4622800"/>
          <p14:tracePt t="79114" x="9956800" y="4622800"/>
          <p14:tracePt t="79128" x="9966325" y="4614863"/>
          <p14:tracePt t="79136" x="9974263" y="4614863"/>
          <p14:tracePt t="79142" x="9974263" y="4605338"/>
          <p14:tracePt t="79149" x="9983788" y="4605338"/>
          <p14:tracePt t="79155" x="9991725" y="4605338"/>
          <p14:tracePt t="79171" x="9999663" y="4605338"/>
          <p14:tracePt t="79211" x="9999663" y="4597400"/>
          <p14:tracePt t="79217" x="9966325" y="4546600"/>
          <p14:tracePt t="79223" x="9999663" y="4605338"/>
          <p14:tracePt t="84519" x="9974263" y="4605338"/>
          <p14:tracePt t="84524" x="9915525" y="4579938"/>
          <p14:tracePt t="84530" x="9839325" y="4564063"/>
          <p14:tracePt t="84537" x="9736138" y="4529138"/>
          <p14:tracePt t="84544" x="9617075" y="4495800"/>
          <p14:tracePt t="84552" x="9515475" y="4460875"/>
          <p14:tracePt t="84558" x="9439275" y="4427538"/>
          <p14:tracePt t="84565" x="9363075" y="4402138"/>
          <p14:tracePt t="84572" x="9320213" y="4384675"/>
          <p14:tracePt t="84578" x="9261475" y="4368800"/>
          <p14:tracePt t="84586" x="9209088" y="4341813"/>
          <p14:tracePt t="84593" x="9175750" y="4325938"/>
          <p14:tracePt t="84601" x="9142413" y="4316413"/>
          <p14:tracePt t="84606" x="9117013" y="4308475"/>
          <p14:tracePt t="84613" x="9099550" y="4300538"/>
          <p14:tracePt t="84620" x="9091613" y="4291013"/>
          <p14:tracePt t="84627" x="9074150" y="4283075"/>
          <p14:tracePt t="84634" x="9056688" y="4275138"/>
          <p14:tracePt t="84641" x="9056688" y="4265613"/>
          <p14:tracePt t="84650" x="9048750" y="4265613"/>
          <p14:tracePt t="84655" x="9039225" y="4257675"/>
          <p14:tracePt t="84669" x="9039225" y="4249738"/>
          <p14:tracePt t="84684" x="9031288" y="4249738"/>
          <p14:tracePt t="84703" x="9023350" y="4240213"/>
          <p14:tracePt t="84718" x="9013825" y="4232275"/>
          <p14:tracePt t="84732" x="9013825" y="4224338"/>
          <p14:tracePt t="84753" x="9005888" y="4224338"/>
          <p14:tracePt t="84767" x="9005888" y="4214813"/>
          <p14:tracePt t="84773" x="8997950" y="4214813"/>
          <p14:tracePt t="84780" x="8997950" y="4206875"/>
          <p14:tracePt t="84807" x="8988425" y="4206875"/>
          <p14:tracePt t="84828" x="8980488" y="4206875"/>
          <p14:tracePt t="84842" x="8972550" y="4206875"/>
          <p14:tracePt t="84891" x="8963025" y="4206875"/>
          <p14:tracePt t="84904" x="8955088" y="4206875"/>
          <p14:tracePt t="84939" x="8947150" y="4206875"/>
          <p14:tracePt t="84953" x="8937625" y="4206875"/>
          <p14:tracePt t="84966" x="8937625" y="4197350"/>
          <p14:tracePt t="84974" x="8929688" y="4197350"/>
          <p14:tracePt t="84980" x="8929688" y="4189413"/>
          <p14:tracePt t="84994" x="8921750" y="4189413"/>
          <p14:tracePt t="85002" x="8912225" y="4181475"/>
          <p14:tracePt t="85022" x="8904288" y="4181475"/>
          <p14:tracePt t="85029" x="8904288" y="4171950"/>
          <p14:tracePt t="85035" x="8894763" y="4171950"/>
          <p14:tracePt t="85043" x="8894763" y="4164013"/>
          <p14:tracePt t="85056" x="8886825" y="4164013"/>
          <p14:tracePt t="85078" x="8878888" y="4156075"/>
          <p14:tracePt t="85091" x="8869363" y="4146550"/>
          <p14:tracePt t="85105" x="8869363" y="4138613"/>
          <p14:tracePt t="85119" x="8861425" y="4138613"/>
          <p14:tracePt t="85140" x="8861425" y="4130675"/>
          <p14:tracePt t="85153" x="8861425" y="4121150"/>
          <p14:tracePt t="85168" x="8853488" y="4121150"/>
          <p14:tracePt t="85181" x="8843963" y="4121150"/>
          <p14:tracePt t="85188" x="8843963" y="4113213"/>
          <p14:tracePt t="85203" x="8843963" y="4105275"/>
          <p14:tracePt t="85416" x="8843963" y="4113213"/>
          <p14:tracePt t="85514" x="8843963" y="4121150"/>
          <p14:tracePt t="85556" x="8843963" y="4130675"/>
          <p14:tracePt t="85727" x="8843963" y="4121150"/>
          <p14:tracePt t="85734" x="8836025" y="4121150"/>
          <p14:tracePt t="85755" x="8828088" y="4121150"/>
          <p14:tracePt t="85762" x="8828088" y="4113213"/>
          <p14:tracePt t="85769" x="8828088" y="4105275"/>
          <p14:tracePt t="85790" x="8828088" y="4095750"/>
          <p14:tracePt t="85797" x="8818563" y="4087813"/>
          <p14:tracePt t="85811" x="8810625" y="4079875"/>
          <p14:tracePt t="85817" x="8802688" y="4079875"/>
          <p14:tracePt t="85824" x="8802688" y="4070350"/>
          <p14:tracePt t="85831" x="8802688" y="4062413"/>
          <p14:tracePt t="85838" x="8793163" y="4062413"/>
          <p14:tracePt t="85845" x="8785225" y="4062413"/>
          <p14:tracePt t="85853" x="8785225" y="4052888"/>
          <p14:tracePt t="85859" x="8785225" y="4044950"/>
          <p14:tracePt t="85867" x="8777288" y="4037013"/>
          <p14:tracePt t="85873" x="8767763" y="4037013"/>
          <p14:tracePt t="85902" x="8759825" y="4027488"/>
          <p14:tracePt t="85914" x="8750300" y="4027488"/>
          <p14:tracePt t="85928" x="8742363" y="4027488"/>
          <p14:tracePt t="85963" x="8734425" y="4027488"/>
          <p14:tracePt t="86005" x="8734425" y="4037013"/>
          <p14:tracePt t="86012" x="8734425" y="4044950"/>
          <p14:tracePt t="86018" x="8734425" y="4052888"/>
          <p14:tracePt t="86034" x="8734425" y="4070350"/>
          <p14:tracePt t="86039" x="8734425" y="4079875"/>
          <p14:tracePt t="86053" x="8734425" y="4095750"/>
          <p14:tracePt t="86060" x="8734425" y="4105275"/>
          <p14:tracePt t="86068" x="8742363" y="4121150"/>
          <p14:tracePt t="86074" x="8742363" y="4130675"/>
          <p14:tracePt t="86081" x="8750300" y="4138613"/>
          <p14:tracePt t="86087" x="8759825" y="4156075"/>
          <p14:tracePt t="86095" x="8767763" y="4171950"/>
          <p14:tracePt t="86103" x="8785225" y="4206875"/>
          <p14:tracePt t="86107" x="8810625" y="4257675"/>
          <p14:tracePt t="86115" x="8836025" y="4300538"/>
          <p14:tracePt t="86121" x="8853488" y="4351338"/>
          <p14:tracePt t="86129" x="8878888" y="4402138"/>
          <p14:tracePt t="86135" x="8921750" y="4478338"/>
          <p14:tracePt t="86143" x="8980488" y="4554538"/>
          <p14:tracePt t="86150" x="9039225" y="4630738"/>
          <p14:tracePt t="86156" x="9082088" y="4699000"/>
          <p14:tracePt t="86164" x="9117013" y="4733925"/>
          <p14:tracePt t="86170" x="9150350" y="4802188"/>
          <p14:tracePt t="86177" x="9175750" y="4843463"/>
          <p14:tracePt t="86185" x="9218613" y="4894263"/>
          <p14:tracePt t="86192" x="9251950" y="4946650"/>
          <p14:tracePt t="86201" x="9294813" y="5013325"/>
          <p14:tracePt t="86207" x="9320213" y="5073650"/>
          <p14:tracePt t="86211" x="9363075" y="5124450"/>
          <p14:tracePt t="86218" x="9396413" y="5175250"/>
          <p14:tracePt t="86226" x="9413875" y="5208588"/>
          <p14:tracePt t="86233" x="9439275" y="5243513"/>
          <p14:tracePt t="86239" x="9456738" y="5286375"/>
          <p14:tracePt t="86246" x="9490075" y="5327650"/>
          <p14:tracePt t="86253" x="9515475" y="5380038"/>
          <p14:tracePt t="86260" x="9550400" y="5430838"/>
          <p14:tracePt t="86267" x="9575800" y="5489575"/>
          <p14:tracePt t="86274" x="9617075" y="5557838"/>
          <p14:tracePt t="86281" x="9667875" y="5608638"/>
          <p14:tracePt t="86288" x="9710738" y="5676900"/>
          <p14:tracePt t="86295" x="9779000" y="5727700"/>
          <p14:tracePt t="86302" x="9847263" y="5795963"/>
          <p14:tracePt t="86309" x="9906000" y="5838825"/>
          <p14:tracePt t="86317" x="9974263" y="5889625"/>
          <p14:tracePt t="86323" x="10025063" y="5940425"/>
          <p14:tracePt t="86330" x="10075863" y="5983288"/>
          <p14:tracePt t="86337" x="10126663" y="6024563"/>
          <p14:tracePt t="86344" x="10169525" y="6059488"/>
          <p14:tracePt t="86351" x="10204450" y="6102350"/>
          <p14:tracePt t="86358" x="10229850" y="6135688"/>
          <p14:tracePt t="86364" x="10280650" y="6169025"/>
          <p14:tracePt t="86371" x="10323513" y="6203950"/>
          <p14:tracePt t="86379" x="10374313" y="6246813"/>
          <p14:tracePt t="86387" x="10407650" y="6288088"/>
          <p14:tracePt t="86391" x="10458450" y="6313488"/>
          <p14:tracePt t="86400" x="10501313" y="6338888"/>
          <p14:tracePt t="86406" x="10534650" y="6365875"/>
          <p14:tracePt t="86413" x="10544175" y="6373813"/>
          <p14:tracePt t="86419" x="10560050" y="6381750"/>
          <p14:tracePt t="86426" x="10594975" y="6399213"/>
          <p14:tracePt t="86434" x="10620375" y="6424613"/>
          <p14:tracePt t="86440" x="10637838" y="6432550"/>
          <p14:tracePt t="86446" x="10645775" y="6442075"/>
          <p14:tracePt t="86454" x="10653713" y="6442075"/>
          <p14:tracePt t="86462" x="10663238" y="6442075"/>
          <p14:tracePt t="86476" x="10671175" y="6442075"/>
          <p14:tracePt t="86490" x="10679113" y="6442075"/>
          <p14:tracePt t="86504" x="10688638" y="6442075"/>
          <p14:tracePt t="86524" x="10671175" y="6399213"/>
          <p14:tracePt t="86531" x="10544175" y="6280150"/>
          <p14:tracePt t="86537" x="10450513" y="6203950"/>
          <p14:tracePt t="86543" x="9890125" y="5761038"/>
          <p14:tracePt t="86554" x="9396413" y="5446713"/>
          <p14:tracePt t="86558" x="8912225" y="5124450"/>
          <p14:tracePt t="86565" x="8453438" y="4835525"/>
          <p14:tracePt t="86571" x="7969250" y="4538663"/>
          <p14:tracePt t="86578" x="7434263" y="4214813"/>
          <p14:tracePt t="86585" x="6864350" y="3892550"/>
          <p14:tracePt t="86593" x="6261100" y="3535363"/>
          <p14:tracePt t="86600" x="5616575" y="3178175"/>
          <p14:tracePt t="86606" x="5046663" y="2820988"/>
          <p14:tracePt t="86613" x="4613275" y="2557463"/>
          <p14:tracePt t="86620" x="4273550" y="2328863"/>
          <p14:tracePt t="86627" x="4035425" y="2141538"/>
          <p14:tracePt t="86635" x="3873500" y="2014538"/>
          <p14:tracePt t="86641" x="3695700" y="1860550"/>
          <p14:tracePt t="86650" x="3559175" y="1741488"/>
          <p14:tracePt t="86655" x="3508375" y="1690688"/>
          <p14:tracePt t="86661" x="3432175" y="1597025"/>
          <p14:tracePt t="86668" x="3338513" y="1504950"/>
          <p14:tracePt t="86675" x="3348038" y="1504950"/>
          <p14:tracePt t="86683" x="3348038" y="1477963"/>
          <p14:tracePt t="86689" x="3152775" y="1206500"/>
          <p14:tracePt t="86944" x="3033713" y="1138238"/>
          <p14:tracePt t="86951" x="2940050" y="1044575"/>
          <p14:tracePt t="86958" x="2838450" y="960438"/>
          <p14:tracePt t="86966" x="2744788" y="866775"/>
          <p14:tracePt t="86972" x="2633663" y="773113"/>
          <p14:tracePt t="86981" x="2540000" y="679450"/>
          <p14:tracePt t="86988" x="2438400" y="569913"/>
          <p14:tracePt t="86995" x="2344738" y="476250"/>
          <p14:tracePt t="87003" x="2251075" y="400050"/>
          <p14:tracePt t="87008" x="2182813" y="331788"/>
          <p14:tracePt t="87014" x="2116138" y="271463"/>
          <p14:tracePt t="87021" x="2081213" y="238125"/>
          <p14:tracePt t="87028" x="2030413" y="203200"/>
          <p14:tracePt t="87036" x="1997075" y="177800"/>
          <p14:tracePt t="87042" x="1946275" y="152400"/>
          <p14:tracePt t="87050" x="1893888" y="127000"/>
          <p14:tracePt t="87056" x="1835150" y="111125"/>
          <p14:tracePt t="87063" x="1776413" y="93663"/>
          <p14:tracePt t="87070" x="1716088" y="68263"/>
          <p14:tracePt t="87077" x="1682750" y="58738"/>
          <p14:tracePt t="87084" x="1631950" y="42863"/>
          <p14:tracePt t="87090" x="1597025" y="33338"/>
          <p14:tracePt t="87097" x="1554163" y="25400"/>
          <p14:tracePt t="87104" x="1503363" y="7938"/>
          <p14:tracePt t="87111" x="1470025" y="7938"/>
        </p14:tracePtLst>
      </p14:laserTraceLst>
    </p:ext>
  </p:extLs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B3199F9-0F2A-4C11-A1BA-A9121990D8E5}"/>
              </a:ext>
            </a:extLst>
          </p:cNvPr>
          <p:cNvSpPr>
            <a:spLocks noGrp="1"/>
          </p:cNvSpPr>
          <p:nvPr>
            <p:ph type="title"/>
          </p:nvPr>
        </p:nvSpPr>
        <p:spPr>
          <a:xfrm>
            <a:off x="982638" y="426127"/>
            <a:ext cx="10104462" cy="972716"/>
          </a:xfrm>
        </p:spPr>
        <p:txBody>
          <a:bodyPr/>
          <a:lstStyle/>
          <a:p>
            <a:r>
              <a:rPr lang="en-US" dirty="0"/>
              <a:t>Results – Two probes</a:t>
            </a:r>
            <a:endParaRPr lang="en-DK" dirty="0"/>
          </a:p>
        </p:txBody>
      </p:sp>
      <p:sp>
        <p:nvSpPr>
          <p:cNvPr id="4" name="Footer Placeholder 3">
            <a:extLst>
              <a:ext uri="{FF2B5EF4-FFF2-40B4-BE49-F238E27FC236}">
                <a16:creationId xmlns:a16="http://schemas.microsoft.com/office/drawing/2014/main" id="{45EF5E37-BEBD-41D9-963D-8FF168269B4D}"/>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415A5EF-BE3C-452A-B723-C1CB201E0F17}"/>
              </a:ext>
            </a:extLst>
          </p:cNvPr>
          <p:cNvSpPr>
            <a:spLocks noGrp="1"/>
          </p:cNvSpPr>
          <p:nvPr>
            <p:ph type="sldNum" sz="quarter" idx="11"/>
          </p:nvPr>
        </p:nvSpPr>
        <p:spPr/>
        <p:txBody>
          <a:bodyPr/>
          <a:lstStyle/>
          <a:p>
            <a:fld id="{103EA872-A674-449B-A120-B97244F8E91D}" type="slidenum">
              <a:rPr lang="en-GB" smtClean="0"/>
              <a:pPr/>
              <a:t>6</a:t>
            </a:fld>
            <a:endParaRPr lang="en-GB" dirty="0"/>
          </a:p>
        </p:txBody>
      </p:sp>
      <mc:AlternateContent xmlns:mc="http://schemas.openxmlformats.org/markup-compatibility/2006" xmlns:a14="http://schemas.microsoft.com/office/drawing/2010/main">
        <mc:Choice Requires="a14">
          <p:sp>
            <p:nvSpPr>
              <p:cNvPr id="8" name="Content Placeholder 7">
                <a:extLst>
                  <a:ext uri="{FF2B5EF4-FFF2-40B4-BE49-F238E27FC236}">
                    <a16:creationId xmlns:a16="http://schemas.microsoft.com/office/drawing/2014/main" id="{C34D33DE-A11A-4526-A368-79C3FF2AB0EE}"/>
                  </a:ext>
                </a:extLst>
              </p:cNvPr>
              <p:cNvSpPr>
                <a:spLocks noGrp="1"/>
              </p:cNvSpPr>
              <p:nvPr>
                <p:ph idx="1"/>
              </p:nvPr>
            </p:nvSpPr>
            <p:spPr>
              <a:xfrm>
                <a:off x="982638" y="1706328"/>
                <a:ext cx="10104462" cy="4545578"/>
              </a:xfrm>
            </p:spPr>
            <p:txBody>
              <a:bodyPr/>
              <a:lstStyle/>
              <a:p>
                <a:r>
                  <a:rPr lang="en-US" dirty="0"/>
                  <a:t>Include two heat sources in </a:t>
                </a:r>
                <a14:m>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𝑟</m:t>
                        </m:r>
                      </m:e>
                      <m:sub>
                        <m:r>
                          <a:rPr lang="en-US" b="0" i="1" smtClean="0">
                            <a:latin typeface="Cambria Math" panose="02040503050406030204" pitchFamily="18" charset="0"/>
                          </a:rPr>
                          <m:t>1</m:t>
                        </m:r>
                      </m:sub>
                    </m:sSub>
                  </m:oMath>
                </a14:m>
                <a:r>
                  <a:rPr lang="en-US" dirty="0"/>
                  <a:t> and </a:t>
                </a:r>
                <a14:m>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𝑟</m:t>
                        </m:r>
                      </m:e>
                      <m:sub>
                        <m:r>
                          <a:rPr lang="en-US" b="0" i="1" smtClean="0">
                            <a:latin typeface="Cambria Math" panose="02040503050406030204" pitchFamily="18" charset="0"/>
                          </a:rPr>
                          <m:t>2</m:t>
                        </m:r>
                      </m:sub>
                    </m:sSub>
                  </m:oMath>
                </a14:m>
                <a:endParaRPr lang="en-US" dirty="0"/>
              </a:p>
              <a:p>
                <a:r>
                  <a:rPr lang="en-US" dirty="0"/>
                  <a:t>Temperature</a:t>
                </a:r>
              </a:p>
              <a:p>
                <a:endParaRPr lang="en-DK" dirty="0"/>
              </a:p>
            </p:txBody>
          </p:sp>
        </mc:Choice>
        <mc:Fallback xmlns="">
          <p:sp>
            <p:nvSpPr>
              <p:cNvPr id="8" name="Content Placeholder 7">
                <a:extLst>
                  <a:ext uri="{FF2B5EF4-FFF2-40B4-BE49-F238E27FC236}">
                    <a16:creationId xmlns:a16="http://schemas.microsoft.com/office/drawing/2014/main" id="{C34D33DE-A11A-4526-A368-79C3FF2AB0EE}"/>
                  </a:ext>
                </a:extLst>
              </p:cNvPr>
              <p:cNvSpPr>
                <a:spLocks noGrp="1" noRot="1" noChangeAspect="1" noMove="1" noResize="1" noEditPoints="1" noAdjustHandles="1" noChangeArrowheads="1" noChangeShapeType="1" noTextEdit="1"/>
              </p:cNvSpPr>
              <p:nvPr>
                <p:ph idx="1"/>
              </p:nvPr>
            </p:nvSpPr>
            <p:spPr>
              <a:xfrm>
                <a:off x="982638" y="1706328"/>
                <a:ext cx="10104462" cy="4545578"/>
              </a:xfrm>
              <a:blipFill>
                <a:blip r:embed="rId5"/>
                <a:stretch>
                  <a:fillRect l="-1267" t="-1743"/>
                </a:stretch>
              </a:blipFill>
            </p:spPr>
            <p:txBody>
              <a:bodyPr/>
              <a:lstStyle/>
              <a:p>
                <a:r>
                  <a:rPr lang="en-DK">
                    <a:noFill/>
                  </a:rPr>
                  <a:t> </a:t>
                </a:r>
              </a:p>
            </p:txBody>
          </p:sp>
        </mc:Fallback>
      </mc:AlternateContent>
      <p:graphicFrame>
        <p:nvGraphicFramePr>
          <p:cNvPr id="20" name="Table 19">
            <a:extLst>
              <a:ext uri="{FF2B5EF4-FFF2-40B4-BE49-F238E27FC236}">
                <a16:creationId xmlns:a16="http://schemas.microsoft.com/office/drawing/2014/main" id="{59E919B2-7A92-4D81-A351-4C571EE74AD0}"/>
              </a:ext>
            </a:extLst>
          </p:cNvPr>
          <p:cNvGraphicFramePr>
            <a:graphicFrameLocks noGrp="1"/>
          </p:cNvGraphicFramePr>
          <p:nvPr>
            <p:extLst>
              <p:ext uri="{D42A27DB-BD31-4B8C-83A1-F6EECF244321}">
                <p14:modId xmlns:p14="http://schemas.microsoft.com/office/powerpoint/2010/main" val="2624987776"/>
              </p:ext>
            </p:extLst>
          </p:nvPr>
        </p:nvGraphicFramePr>
        <p:xfrm>
          <a:off x="6754350" y="4263634"/>
          <a:ext cx="4752100" cy="1886802"/>
        </p:xfrm>
        <a:graphic>
          <a:graphicData uri="http://schemas.openxmlformats.org/drawingml/2006/table">
            <a:tbl>
              <a:tblPr firstRow="1" firstCol="1" bandRow="1">
                <a:tableStyleId>{21E4AEA4-8DFA-4A89-87EB-49C32662AFE0}</a:tableStyleId>
              </a:tblPr>
              <a:tblGrid>
                <a:gridCol w="1864324">
                  <a:extLst>
                    <a:ext uri="{9D8B030D-6E8A-4147-A177-3AD203B41FA5}">
                      <a16:colId xmlns:a16="http://schemas.microsoft.com/office/drawing/2014/main" val="4256972539"/>
                    </a:ext>
                  </a:extLst>
                </a:gridCol>
                <a:gridCol w="1573366">
                  <a:extLst>
                    <a:ext uri="{9D8B030D-6E8A-4147-A177-3AD203B41FA5}">
                      <a16:colId xmlns:a16="http://schemas.microsoft.com/office/drawing/2014/main" val="2612696286"/>
                    </a:ext>
                  </a:extLst>
                </a:gridCol>
                <a:gridCol w="1314410">
                  <a:extLst>
                    <a:ext uri="{9D8B030D-6E8A-4147-A177-3AD203B41FA5}">
                      <a16:colId xmlns:a16="http://schemas.microsoft.com/office/drawing/2014/main" val="4108999939"/>
                    </a:ext>
                  </a:extLst>
                </a:gridCol>
              </a:tblGrid>
              <a:tr h="471700">
                <a:tc>
                  <a:txBody>
                    <a:bodyPr/>
                    <a:lstStyle/>
                    <a:p>
                      <a:pPr algn="l"/>
                      <a:r>
                        <a:rPr lang="en-US" sz="1400" dirty="0">
                          <a:effectLst/>
                        </a:rPr>
                        <a:t> </a:t>
                      </a:r>
                      <a:endParaRPr lang="en-DK"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tc>
                  <a:txBody>
                    <a:bodyPr/>
                    <a:lstStyle/>
                    <a:p>
                      <a:pPr algn="l"/>
                      <a:r>
                        <a:rPr lang="en-US" sz="1400" dirty="0">
                          <a:effectLst/>
                        </a:rPr>
                        <a:t>Amplitude [K]</a:t>
                      </a:r>
                      <a:endParaRPr lang="en-DK"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tc>
                  <a:txBody>
                    <a:bodyPr/>
                    <a:lstStyle/>
                    <a:p>
                      <a:pPr algn="l"/>
                      <a:r>
                        <a:rPr lang="en-US" sz="1400" dirty="0">
                          <a:effectLst/>
                        </a:rPr>
                        <a:t>Phase [°]</a:t>
                      </a:r>
                      <a:endParaRPr lang="en-DK"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extLst>
                  <a:ext uri="{0D108BD9-81ED-4DB2-BD59-A6C34878D82A}">
                    <a16:rowId xmlns:a16="http://schemas.microsoft.com/office/drawing/2014/main" val="1229745972"/>
                  </a:ext>
                </a:extLst>
              </a:tr>
              <a:tr h="235851">
                <a:tc>
                  <a:txBody>
                    <a:bodyPr/>
                    <a:lstStyle/>
                    <a:p>
                      <a:pPr algn="l"/>
                      <a:r>
                        <a:rPr lang="en-US" sz="1400">
                          <a:effectLst/>
                        </a:rPr>
                        <a:t>Analytical</a:t>
                      </a:r>
                      <a:endParaRPr lang="en-DK" sz="1800" b="1">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tc>
                  <a:txBody>
                    <a:bodyPr/>
                    <a:lstStyle/>
                    <a:p>
                      <a:pPr algn="l"/>
                      <a:r>
                        <a:rPr lang="en-US" sz="1400">
                          <a:effectLst/>
                        </a:rPr>
                        <a:t>1.1650</a:t>
                      </a:r>
                      <a:endParaRPr lang="en-DK" sz="1800" b="1">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tc>
                  <a:txBody>
                    <a:bodyPr/>
                    <a:lstStyle/>
                    <a:p>
                      <a:pPr algn="l"/>
                      <a:r>
                        <a:rPr lang="en-US" sz="1400">
                          <a:effectLst/>
                        </a:rPr>
                        <a:t>197.8988</a:t>
                      </a:r>
                      <a:endParaRPr lang="en-DK" sz="1800" b="1">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extLst>
                  <a:ext uri="{0D108BD9-81ED-4DB2-BD59-A6C34878D82A}">
                    <a16:rowId xmlns:a16="http://schemas.microsoft.com/office/drawing/2014/main" val="4254333324"/>
                  </a:ext>
                </a:extLst>
              </a:tr>
              <a:tr h="235851">
                <a:tc>
                  <a:txBody>
                    <a:bodyPr/>
                    <a:lstStyle/>
                    <a:p>
                      <a:pPr algn="l"/>
                      <a:r>
                        <a:rPr lang="en-US" sz="1400" dirty="0">
                          <a:effectLst/>
                        </a:rPr>
                        <a:t>COMSOL </a:t>
                      </a:r>
                      <a:endParaRPr lang="en-DK"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tc>
                  <a:txBody>
                    <a:bodyPr/>
                    <a:lstStyle/>
                    <a:p>
                      <a:pPr algn="l"/>
                      <a:r>
                        <a:rPr lang="en-US" sz="1400">
                          <a:effectLst/>
                        </a:rPr>
                        <a:t>1.1622</a:t>
                      </a:r>
                      <a:endParaRPr lang="en-DK" sz="1800" b="1">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tc>
                  <a:txBody>
                    <a:bodyPr/>
                    <a:lstStyle/>
                    <a:p>
                      <a:pPr algn="l"/>
                      <a:r>
                        <a:rPr lang="en-US" sz="1400">
                          <a:effectLst/>
                        </a:rPr>
                        <a:t>197.7326</a:t>
                      </a:r>
                      <a:endParaRPr lang="en-DK" sz="1800" b="1">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extLst>
                  <a:ext uri="{0D108BD9-81ED-4DB2-BD59-A6C34878D82A}">
                    <a16:rowId xmlns:a16="http://schemas.microsoft.com/office/drawing/2014/main" val="3755507068"/>
                  </a:ext>
                </a:extLst>
              </a:tr>
              <a:tr h="471700">
                <a:tc>
                  <a:txBody>
                    <a:bodyPr/>
                    <a:lstStyle/>
                    <a:p>
                      <a:pPr algn="l"/>
                      <a:r>
                        <a:rPr lang="en-US" sz="1400">
                          <a:effectLst/>
                        </a:rPr>
                        <a:t>Absolute deviation</a:t>
                      </a:r>
                      <a:endParaRPr lang="en-DK" sz="1800" b="1">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tc>
                  <a:txBody>
                    <a:bodyPr/>
                    <a:lstStyle/>
                    <a:p>
                      <a:pPr algn="l"/>
                      <a:r>
                        <a:rPr lang="en-US" sz="1400">
                          <a:effectLst/>
                        </a:rPr>
                        <a:t>0.028</a:t>
                      </a:r>
                      <a:endParaRPr lang="en-DK" sz="1800" b="1">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tc>
                  <a:txBody>
                    <a:bodyPr/>
                    <a:lstStyle/>
                    <a:p>
                      <a:pPr algn="l"/>
                      <a:r>
                        <a:rPr lang="en-US" sz="1400" dirty="0">
                          <a:effectLst/>
                        </a:rPr>
                        <a:t>0.1662</a:t>
                      </a:r>
                      <a:endParaRPr lang="en-DK"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extLst>
                  <a:ext uri="{0D108BD9-81ED-4DB2-BD59-A6C34878D82A}">
                    <a16:rowId xmlns:a16="http://schemas.microsoft.com/office/drawing/2014/main" val="545832898"/>
                  </a:ext>
                </a:extLst>
              </a:tr>
              <a:tr h="471700">
                <a:tc>
                  <a:txBody>
                    <a:bodyPr/>
                    <a:lstStyle/>
                    <a:p>
                      <a:pPr algn="l"/>
                      <a:r>
                        <a:rPr lang="en-US" sz="1400">
                          <a:effectLst/>
                        </a:rPr>
                        <a:t>Relative deviation </a:t>
                      </a:r>
                      <a:endParaRPr lang="en-DK" sz="1800" b="1">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tc>
                  <a:txBody>
                    <a:bodyPr/>
                    <a:lstStyle/>
                    <a:p>
                      <a:pPr algn="l"/>
                      <a:r>
                        <a:rPr lang="en-US" sz="1400">
                          <a:effectLst/>
                        </a:rPr>
                        <a:t>2.41%</a:t>
                      </a:r>
                      <a:endParaRPr lang="en-DK" sz="1800" b="1">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tc>
                  <a:txBody>
                    <a:bodyPr/>
                    <a:lstStyle/>
                    <a:p>
                      <a:pPr algn="l"/>
                      <a:r>
                        <a:rPr lang="en-US" sz="1400" dirty="0">
                          <a:effectLst/>
                        </a:rPr>
                        <a:t>0.08%</a:t>
                      </a:r>
                      <a:endParaRPr lang="en-DK"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68580" marR="68580" marT="0" marB="0"/>
                </a:tc>
                <a:extLst>
                  <a:ext uri="{0D108BD9-81ED-4DB2-BD59-A6C34878D82A}">
                    <a16:rowId xmlns:a16="http://schemas.microsoft.com/office/drawing/2014/main" val="2233923088"/>
                  </a:ext>
                </a:extLst>
              </a:tr>
            </a:tbl>
          </a:graphicData>
        </a:graphic>
      </p:graphicFrame>
      <mc:AlternateContent xmlns:mc="http://schemas.openxmlformats.org/markup-compatibility/2006" xmlns:a14="http://schemas.microsoft.com/office/drawing/2010/main">
        <mc:Choice Requires="a14">
          <p:sp>
            <p:nvSpPr>
              <p:cNvPr id="10" name="TextBox 9">
                <a:extLst>
                  <a:ext uri="{FF2B5EF4-FFF2-40B4-BE49-F238E27FC236}">
                    <a16:creationId xmlns:a16="http://schemas.microsoft.com/office/drawing/2014/main" id="{24B7F485-CAC2-4F1A-8E01-79F368DBBFBC}"/>
                  </a:ext>
                </a:extLst>
              </p:cNvPr>
              <p:cNvSpPr txBox="1"/>
              <p:nvPr/>
            </p:nvSpPr>
            <p:spPr>
              <a:xfrm>
                <a:off x="790948" y="2420888"/>
                <a:ext cx="4104456" cy="246221"/>
              </a:xfrm>
              <a:prstGeom prst="rect">
                <a:avLst/>
              </a:prstGeom>
              <a:noFill/>
            </p:spPr>
            <p:txBody>
              <a:bodyPr wrap="squar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𝑇</m:t>
                      </m:r>
                      <m:d>
                        <m:dPr>
                          <m:ctrlPr>
                            <a:rPr lang="en-US" b="0" i="1" smtClean="0">
                              <a:latin typeface="Cambria Math" panose="02040503050406030204" pitchFamily="18" charset="0"/>
                            </a:rPr>
                          </m:ctrlPr>
                        </m:dPr>
                        <m:e>
                          <m:r>
                            <a:rPr lang="en-US" b="0" i="1" smtClean="0">
                              <a:latin typeface="Cambria Math" panose="02040503050406030204" pitchFamily="18" charset="0"/>
                            </a:rPr>
                            <m:t>𝑟</m:t>
                          </m:r>
                          <m:r>
                            <a:rPr lang="en-US" b="0" i="1" smtClean="0">
                              <a:latin typeface="Cambria Math" panose="02040503050406030204" pitchFamily="18" charset="0"/>
                            </a:rPr>
                            <m:t>,</m:t>
                          </m:r>
                          <m:r>
                            <a:rPr lang="en-US" b="0" i="1" smtClean="0">
                              <a:latin typeface="Cambria Math" panose="02040503050406030204" pitchFamily="18" charset="0"/>
                            </a:rPr>
                            <m:t>𝑡</m:t>
                          </m:r>
                        </m:e>
                      </m:d>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𝐷𝐶</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𝑟</m:t>
                          </m:r>
                        </m:e>
                      </m:d>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𝐴𝐶</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𝑟</m:t>
                          </m:r>
                          <m:r>
                            <a:rPr lang="en-US" b="0" i="1" smtClean="0">
                              <a:latin typeface="Cambria Math" panose="02040503050406030204" pitchFamily="18" charset="0"/>
                            </a:rPr>
                            <m:t>,</m:t>
                          </m:r>
                          <m:r>
                            <a:rPr lang="en-US" b="0" i="1" smtClean="0">
                              <a:latin typeface="Cambria Math" panose="02040503050406030204" pitchFamily="18" charset="0"/>
                            </a:rPr>
                            <m:t>𝑡</m:t>
                          </m:r>
                        </m:e>
                      </m:d>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0</m:t>
                          </m:r>
                        </m:sub>
                      </m:sSub>
                    </m:oMath>
                  </m:oMathPara>
                </a14:m>
                <a:endParaRPr lang="en-DK" dirty="0" err="1">
                  <a:latin typeface="+mn-lt"/>
                </a:endParaRPr>
              </a:p>
            </p:txBody>
          </p:sp>
        </mc:Choice>
        <mc:Fallback xmlns="">
          <p:sp>
            <p:nvSpPr>
              <p:cNvPr id="10" name="TextBox 9">
                <a:extLst>
                  <a:ext uri="{FF2B5EF4-FFF2-40B4-BE49-F238E27FC236}">
                    <a16:creationId xmlns:a16="http://schemas.microsoft.com/office/drawing/2014/main" id="{24B7F485-CAC2-4F1A-8E01-79F368DBBFBC}"/>
                  </a:ext>
                </a:extLst>
              </p:cNvPr>
              <p:cNvSpPr txBox="1">
                <a:spLocks noRot="1" noChangeAspect="1" noMove="1" noResize="1" noEditPoints="1" noAdjustHandles="1" noChangeArrowheads="1" noChangeShapeType="1" noTextEdit="1"/>
              </p:cNvSpPr>
              <p:nvPr/>
            </p:nvSpPr>
            <p:spPr>
              <a:xfrm>
                <a:off x="790948" y="2420888"/>
                <a:ext cx="4104456" cy="246221"/>
              </a:xfrm>
              <a:prstGeom prst="rect">
                <a:avLst/>
              </a:prstGeom>
              <a:blipFill>
                <a:blip r:embed="rId6"/>
                <a:stretch>
                  <a:fillRect b="-14634"/>
                </a:stretch>
              </a:blipFill>
            </p:spPr>
            <p:txBody>
              <a:bodyPr/>
              <a:lstStyle/>
              <a:p>
                <a:r>
                  <a:rPr lang="en-DK">
                    <a:noFill/>
                  </a:rPr>
                  <a:t> </a:t>
                </a:r>
              </a:p>
            </p:txBody>
          </p:sp>
        </mc:Fallback>
      </mc:AlternateContent>
      <mc:AlternateContent xmlns:mc="http://schemas.openxmlformats.org/markup-compatibility/2006" xmlns:a14="http://schemas.microsoft.com/office/drawing/2010/main">
        <mc:Choice Requires="a14">
          <p:sp>
            <p:nvSpPr>
              <p:cNvPr id="12" name="TextBox 11">
                <a:extLst>
                  <a:ext uri="{FF2B5EF4-FFF2-40B4-BE49-F238E27FC236}">
                    <a16:creationId xmlns:a16="http://schemas.microsoft.com/office/drawing/2014/main" id="{9EF49FCF-B238-4F54-9D4F-B890C48D29F5}"/>
                  </a:ext>
                </a:extLst>
              </p:cNvPr>
              <p:cNvSpPr txBox="1"/>
              <p:nvPr/>
            </p:nvSpPr>
            <p:spPr>
              <a:xfrm>
                <a:off x="823486" y="2808186"/>
                <a:ext cx="4885348" cy="246221"/>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𝑑𝑢𝑎𝑙</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𝑟</m:t>
                          </m:r>
                          <m:r>
                            <a:rPr lang="en-US" b="0" i="1" smtClean="0">
                              <a:latin typeface="Cambria Math" panose="02040503050406030204" pitchFamily="18" charset="0"/>
                            </a:rPr>
                            <m:t>,</m:t>
                          </m:r>
                          <m:r>
                            <a:rPr lang="en-US" b="0" i="1" smtClean="0">
                              <a:latin typeface="Cambria Math" panose="02040503050406030204" pitchFamily="18" charset="0"/>
                            </a:rPr>
                            <m:t>𝑡</m:t>
                          </m:r>
                        </m:e>
                      </m:d>
                      <m:r>
                        <a:rPr lang="en-US" b="0" i="1" smtClean="0">
                          <a:latin typeface="Cambria Math" panose="02040503050406030204" pitchFamily="18" charset="0"/>
                        </a:rPr>
                        <m:t>=</m:t>
                      </m:r>
                      <m:r>
                        <a:rPr lang="en-US" b="0" i="1" smtClean="0">
                          <a:latin typeface="Cambria Math" panose="02040503050406030204" pitchFamily="18" charset="0"/>
                        </a:rPr>
                        <m:t>𝑇</m:t>
                      </m:r>
                      <m:d>
                        <m:dPr>
                          <m:ctrlPr>
                            <a:rPr lang="en-US" i="1">
                              <a:latin typeface="Cambria Math" panose="02040503050406030204" pitchFamily="18" charset="0"/>
                            </a:rPr>
                          </m:ctrlPr>
                        </m:dPr>
                        <m:e>
                          <m:r>
                            <a:rPr lang="en-US" i="1">
                              <a:latin typeface="Cambria Math" panose="02040503050406030204" pitchFamily="18" charset="0"/>
                            </a:rPr>
                            <m:t>𝑟</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𝑟</m:t>
                              </m:r>
                            </m:e>
                            <m:sub>
                              <m:r>
                                <a:rPr lang="en-US" b="0" i="1" smtClean="0">
                                  <a:latin typeface="Cambria Math" panose="02040503050406030204" pitchFamily="18" charset="0"/>
                                </a:rPr>
                                <m:t>1</m:t>
                              </m:r>
                            </m:sub>
                          </m:sSub>
                          <m:r>
                            <a:rPr lang="en-US" i="1">
                              <a:latin typeface="Cambria Math" panose="02040503050406030204" pitchFamily="18" charset="0"/>
                            </a:rPr>
                            <m:t>,</m:t>
                          </m:r>
                          <m:r>
                            <a:rPr lang="en-US" i="1">
                              <a:latin typeface="Cambria Math" panose="02040503050406030204" pitchFamily="18" charset="0"/>
                            </a:rPr>
                            <m:t>𝑡</m:t>
                          </m:r>
                        </m:e>
                      </m:d>
                      <m:r>
                        <a:rPr lang="en-US" b="0" i="1" smtClean="0">
                          <a:latin typeface="Cambria Math" panose="02040503050406030204" pitchFamily="18" charset="0"/>
                        </a:rPr>
                        <m:t>+</m:t>
                      </m:r>
                      <m:r>
                        <a:rPr lang="en-US" b="0" i="1" smtClean="0">
                          <a:latin typeface="Cambria Math" panose="02040503050406030204" pitchFamily="18" charset="0"/>
                        </a:rPr>
                        <m:t>𝑇</m:t>
                      </m:r>
                      <m:d>
                        <m:dPr>
                          <m:ctrlPr>
                            <a:rPr lang="en-US" i="1">
                              <a:latin typeface="Cambria Math" panose="02040503050406030204" pitchFamily="18" charset="0"/>
                            </a:rPr>
                          </m:ctrlPr>
                        </m:dPr>
                        <m:e>
                          <m:r>
                            <a:rPr lang="en-US" i="1">
                              <a:latin typeface="Cambria Math" panose="02040503050406030204" pitchFamily="18" charset="0"/>
                            </a:rPr>
                            <m:t>𝑟</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𝑟</m:t>
                              </m:r>
                            </m:e>
                            <m:sub>
                              <m:r>
                                <a:rPr lang="en-US" b="0" i="1" smtClean="0">
                                  <a:latin typeface="Cambria Math" panose="02040503050406030204" pitchFamily="18" charset="0"/>
                                </a:rPr>
                                <m:t>2</m:t>
                              </m:r>
                            </m:sub>
                          </m:sSub>
                          <m:r>
                            <a:rPr lang="en-US" i="1">
                              <a:latin typeface="Cambria Math" panose="02040503050406030204" pitchFamily="18" charset="0"/>
                            </a:rPr>
                            <m:t>,</m:t>
                          </m:r>
                          <m:r>
                            <a:rPr lang="en-US" i="1">
                              <a:latin typeface="Cambria Math" panose="02040503050406030204" pitchFamily="18" charset="0"/>
                            </a:rPr>
                            <m:t>𝑡</m:t>
                          </m:r>
                        </m:e>
                      </m:d>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0</m:t>
                          </m:r>
                        </m:sub>
                      </m:sSub>
                    </m:oMath>
                  </m:oMathPara>
                </a14:m>
                <a:endParaRPr lang="en-DK" dirty="0" err="1">
                  <a:latin typeface="+mn-lt"/>
                </a:endParaRPr>
              </a:p>
            </p:txBody>
          </p:sp>
        </mc:Choice>
        <mc:Fallback xmlns="">
          <p:sp>
            <p:nvSpPr>
              <p:cNvPr id="12" name="TextBox 11">
                <a:extLst>
                  <a:ext uri="{FF2B5EF4-FFF2-40B4-BE49-F238E27FC236}">
                    <a16:creationId xmlns:a16="http://schemas.microsoft.com/office/drawing/2014/main" id="{9EF49FCF-B238-4F54-9D4F-B890C48D29F5}"/>
                  </a:ext>
                </a:extLst>
              </p:cNvPr>
              <p:cNvSpPr txBox="1">
                <a:spLocks noRot="1" noChangeAspect="1" noMove="1" noResize="1" noEditPoints="1" noAdjustHandles="1" noChangeArrowheads="1" noChangeShapeType="1" noTextEdit="1"/>
              </p:cNvSpPr>
              <p:nvPr/>
            </p:nvSpPr>
            <p:spPr>
              <a:xfrm>
                <a:off x="823486" y="2808186"/>
                <a:ext cx="4885348" cy="246221"/>
              </a:xfrm>
              <a:prstGeom prst="rect">
                <a:avLst/>
              </a:prstGeom>
              <a:blipFill>
                <a:blip r:embed="rId7"/>
                <a:stretch>
                  <a:fillRect b="-17500"/>
                </a:stretch>
              </a:blipFill>
            </p:spPr>
            <p:txBody>
              <a:bodyPr/>
              <a:lstStyle/>
              <a:p>
                <a:r>
                  <a:rPr lang="en-DK">
                    <a:noFill/>
                  </a:rPr>
                  <a:t> </a:t>
                </a:r>
              </a:p>
            </p:txBody>
          </p:sp>
        </mc:Fallback>
      </mc:AlternateContent>
      <p:sp>
        <p:nvSpPr>
          <p:cNvPr id="15" name="TextBox 14">
            <a:extLst>
              <a:ext uri="{FF2B5EF4-FFF2-40B4-BE49-F238E27FC236}">
                <a16:creationId xmlns:a16="http://schemas.microsoft.com/office/drawing/2014/main" id="{85C219E2-7E03-4D73-8503-AF7D4C302B83}"/>
              </a:ext>
            </a:extLst>
          </p:cNvPr>
          <p:cNvSpPr txBox="1"/>
          <p:nvPr/>
        </p:nvSpPr>
        <p:spPr>
          <a:xfrm>
            <a:off x="4895404" y="4834623"/>
            <a:ext cx="1629940" cy="984885"/>
          </a:xfrm>
          <a:prstGeom prst="rect">
            <a:avLst/>
          </a:prstGeom>
          <a:solidFill>
            <a:schemeClr val="bg1"/>
          </a:solidFill>
        </p:spPr>
        <p:txBody>
          <a:bodyPr wrap="square" lIns="0" tIns="0" rIns="0" bIns="0" rtlCol="0">
            <a:spAutoFit/>
          </a:bodyPr>
          <a:lstStyle/>
          <a:p>
            <a:pPr>
              <a:spcBef>
                <a:spcPts val="432"/>
              </a:spcBef>
            </a:pPr>
            <a:r>
              <a:rPr lang="en-US" b="1" dirty="0">
                <a:latin typeface="+mn-lt"/>
              </a:rPr>
              <a:t>Figure 13</a:t>
            </a:r>
            <a:br>
              <a:rPr lang="en-US" dirty="0">
                <a:latin typeface="+mn-lt"/>
              </a:rPr>
            </a:br>
            <a:r>
              <a:rPr lang="en-US" dirty="0">
                <a:latin typeface="+mn-lt"/>
              </a:rPr>
              <a:t>Temperature profile using two heat sources.</a:t>
            </a:r>
          </a:p>
        </p:txBody>
      </p:sp>
      <p:sp>
        <p:nvSpPr>
          <p:cNvPr id="17" name="TextBox 16">
            <a:extLst>
              <a:ext uri="{FF2B5EF4-FFF2-40B4-BE49-F238E27FC236}">
                <a16:creationId xmlns:a16="http://schemas.microsoft.com/office/drawing/2014/main" id="{74B09FC6-937E-46A1-B581-793E35460B50}"/>
              </a:ext>
            </a:extLst>
          </p:cNvPr>
          <p:cNvSpPr txBox="1"/>
          <p:nvPr/>
        </p:nvSpPr>
        <p:spPr>
          <a:xfrm>
            <a:off x="6754350" y="3337907"/>
            <a:ext cx="2623056" cy="738664"/>
          </a:xfrm>
          <a:prstGeom prst="rect">
            <a:avLst/>
          </a:prstGeom>
          <a:solidFill>
            <a:schemeClr val="bg1"/>
          </a:solidFill>
        </p:spPr>
        <p:txBody>
          <a:bodyPr wrap="square" lIns="0" tIns="0" rIns="0" bIns="0" rtlCol="0">
            <a:spAutoFit/>
          </a:bodyPr>
          <a:lstStyle/>
          <a:p>
            <a:pPr>
              <a:spcBef>
                <a:spcPts val="432"/>
              </a:spcBef>
            </a:pPr>
            <a:r>
              <a:rPr lang="en-US" b="1" dirty="0">
                <a:latin typeface="+mn-lt"/>
              </a:rPr>
              <a:t>Table 1</a:t>
            </a:r>
            <a:br>
              <a:rPr lang="en-US" dirty="0">
                <a:latin typeface="+mn-lt"/>
              </a:rPr>
            </a:br>
            <a:r>
              <a:rPr lang="en-US" dirty="0">
                <a:latin typeface="+mn-lt"/>
              </a:rPr>
              <a:t>Results extracted from the temperature profile.</a:t>
            </a:r>
          </a:p>
        </p:txBody>
      </p:sp>
      <mc:AlternateContent xmlns:mc="http://schemas.openxmlformats.org/markup-compatibility/2006">
        <mc:Choice xmlns:a14="http://schemas.microsoft.com/office/drawing/2010/main" Requires="a14">
          <p:sp>
            <p:nvSpPr>
              <p:cNvPr id="19" name="TextBox 18">
                <a:extLst>
                  <a:ext uri="{FF2B5EF4-FFF2-40B4-BE49-F238E27FC236}">
                    <a16:creationId xmlns:a16="http://schemas.microsoft.com/office/drawing/2014/main" id="{D74FF72E-F9DF-4C9F-A5A6-729AA439E545}"/>
                  </a:ext>
                </a:extLst>
              </p:cNvPr>
              <p:cNvSpPr txBox="1"/>
              <p:nvPr/>
            </p:nvSpPr>
            <p:spPr>
              <a:xfrm>
                <a:off x="6124094" y="2597534"/>
                <a:ext cx="5532925" cy="553228"/>
              </a:xfrm>
              <a:prstGeom prst="rect">
                <a:avLst/>
              </a:prstGeom>
              <a:noFill/>
            </p:spPr>
            <p:txBody>
              <a:bodyPr wrap="none" lIns="0" tIns="0" rIns="0" bIns="0" rtlCol="0">
                <a:spAutoFit/>
              </a:bodyPr>
              <a:lstStyle/>
              <a:p>
                <a:pPr>
                  <a:spcBef>
                    <a:spcPts val="432"/>
                  </a:spcBef>
                </a:pPr>
                <a14:m>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𝐴𝐶</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𝑟</m:t>
                        </m:r>
                        <m:r>
                          <a:rPr lang="en-US" b="0" i="1" smtClean="0">
                            <a:latin typeface="Cambria Math" panose="02040503050406030204" pitchFamily="18" charset="0"/>
                          </a:rPr>
                          <m:t>,</m:t>
                        </m:r>
                        <m:r>
                          <a:rPr lang="en-US" b="0" i="1" smtClean="0">
                            <a:latin typeface="Cambria Math" panose="02040503050406030204" pitchFamily="18" charset="0"/>
                          </a:rPr>
                          <m:t>𝑡</m:t>
                        </m:r>
                      </m:e>
                    </m:d>
                    <m:r>
                      <a:rPr lang="en-US" b="0" i="1" smtClean="0">
                        <a:latin typeface="Cambria Math" panose="02040503050406030204" pitchFamily="18" charset="0"/>
                      </a:rPr>
                      <m:t>=−</m:t>
                    </m:r>
                    <m:f>
                      <m:fPr>
                        <m:ctrlPr>
                          <a:rPr lang="en-US" i="1">
                            <a:latin typeface="Cambria Math" panose="02040503050406030204" pitchFamily="18" charset="0"/>
                          </a:rPr>
                        </m:ctrlPr>
                      </m:fPr>
                      <m:num>
                        <m:sSub>
                          <m:sSubPr>
                            <m:ctrlPr>
                              <a:rPr lang="en-US" i="1">
                                <a:latin typeface="Cambria Math" panose="02040503050406030204" pitchFamily="18" charset="0"/>
                              </a:rPr>
                            </m:ctrlPr>
                          </m:sSubPr>
                          <m:e>
                            <m:r>
                              <a:rPr lang="en-US" i="1">
                                <a:latin typeface="Cambria Math" panose="02040503050406030204" pitchFamily="18" charset="0"/>
                              </a:rPr>
                              <m:t>𝑃</m:t>
                            </m:r>
                          </m:e>
                          <m:sub>
                            <m:r>
                              <a:rPr lang="en-US" i="1">
                                <a:latin typeface="Cambria Math" panose="02040503050406030204" pitchFamily="18" charset="0"/>
                              </a:rPr>
                              <m:t>0</m:t>
                            </m:r>
                          </m:sub>
                        </m:sSub>
                      </m:num>
                      <m:den>
                        <m:r>
                          <a:rPr lang="en-US" i="1">
                            <a:latin typeface="Cambria Math" panose="02040503050406030204" pitchFamily="18" charset="0"/>
                          </a:rPr>
                          <m:t>4</m:t>
                        </m:r>
                        <m:r>
                          <a:rPr lang="en-US" i="1">
                            <a:latin typeface="Cambria Math" panose="02040503050406030204" pitchFamily="18" charset="0"/>
                          </a:rPr>
                          <m:t>𝜋𝜅</m:t>
                        </m:r>
                        <m:r>
                          <a:rPr lang="en-US" i="1">
                            <a:latin typeface="Cambria Math" panose="02040503050406030204" pitchFamily="18" charset="0"/>
                          </a:rPr>
                          <m:t>𝑟</m:t>
                        </m:r>
                      </m:den>
                    </m:f>
                    <m:r>
                      <m:rPr>
                        <m:sty m:val="p"/>
                      </m:rPr>
                      <a:rPr lang="en-US" b="0" i="0" smtClean="0">
                        <a:latin typeface="Cambria Math" panose="02040503050406030204" pitchFamily="18" charset="0"/>
                      </a:rPr>
                      <m:t>exp</m:t>
                    </m:r>
                    <m:d>
                      <m:dPr>
                        <m:ctrlPr>
                          <a:rPr lang="en-US" b="0" i="1" smtClean="0">
                            <a:latin typeface="Cambria Math" panose="02040503050406030204" pitchFamily="18" charset="0"/>
                          </a:rPr>
                        </m:ctrlPr>
                      </m:dPr>
                      <m:e>
                        <m:rad>
                          <m:radPr>
                            <m:degHide m:val="on"/>
                            <m:ctrlPr>
                              <a:rPr lang="en-US" b="0" i="1" smtClean="0">
                                <a:latin typeface="Cambria Math" panose="02040503050406030204" pitchFamily="18" charset="0"/>
                              </a:rPr>
                            </m:ctrlPr>
                          </m:radPr>
                          <m:deg/>
                          <m:e>
                            <m:f>
                              <m:fPr>
                                <m:ctrlPr>
                                  <a:rPr lang="en-US" b="0" i="1" smtClean="0">
                                    <a:latin typeface="Cambria Math" panose="02040503050406030204" pitchFamily="18" charset="0"/>
                                  </a:rPr>
                                </m:ctrlPr>
                              </m:fPr>
                              <m:num>
                                <m:sSub>
                                  <m:sSubPr>
                                    <m:ctrlPr>
                                      <a:rPr lang="en-US" b="0" i="1" smtClean="0">
                                        <a:latin typeface="Cambria Math" panose="02040503050406030204" pitchFamily="18" charset="0"/>
                                      </a:rPr>
                                    </m:ctrlPr>
                                  </m:sSubPr>
                                  <m:e>
                                    <m:r>
                                      <a:rPr lang="en-US" b="0" i="1" smtClean="0">
                                        <a:latin typeface="Cambria Math" panose="02040503050406030204" pitchFamily="18" charset="0"/>
                                      </a:rPr>
                                      <m:t>𝜔</m:t>
                                    </m:r>
                                  </m:e>
                                  <m:sub>
                                    <m:r>
                                      <a:rPr lang="en-US" b="0" i="1" smtClean="0">
                                        <a:latin typeface="Cambria Math" panose="02040503050406030204" pitchFamily="18" charset="0"/>
                                      </a:rPr>
                                      <m:t>0</m:t>
                                    </m:r>
                                  </m:sub>
                                </m:sSub>
                              </m:num>
                              <m:den>
                                <m:r>
                                  <a:rPr lang="en-US" b="0" i="1" smtClean="0">
                                    <a:latin typeface="Cambria Math" panose="02040503050406030204" pitchFamily="18" charset="0"/>
                                  </a:rPr>
                                  <m:t>𝐷</m:t>
                                </m:r>
                              </m:den>
                            </m:f>
                          </m:e>
                        </m:rad>
                        <m:r>
                          <a:rPr lang="en-US" b="0" i="1" smtClean="0">
                            <a:latin typeface="Cambria Math" panose="02040503050406030204" pitchFamily="18" charset="0"/>
                          </a:rPr>
                          <m:t>(</m:t>
                        </m:r>
                        <m:r>
                          <a:rPr lang="en-US" b="0" i="1" smtClean="0">
                            <a:latin typeface="Cambria Math" panose="02040503050406030204" pitchFamily="18" charset="0"/>
                          </a:rPr>
                          <m:t>𝑎</m:t>
                        </m:r>
                        <m:r>
                          <a:rPr lang="en-US" b="0" i="1" smtClean="0">
                            <a:latin typeface="Cambria Math" panose="02040503050406030204" pitchFamily="18" charset="0"/>
                          </a:rPr>
                          <m:t>−</m:t>
                        </m:r>
                        <m:r>
                          <a:rPr lang="en-US" b="0" i="1" smtClean="0">
                            <a:latin typeface="Cambria Math" panose="02040503050406030204" pitchFamily="18" charset="0"/>
                          </a:rPr>
                          <m:t>𝑟</m:t>
                        </m:r>
                        <m:r>
                          <a:rPr lang="en-US" b="0" i="1" smtClean="0">
                            <a:latin typeface="Cambria Math" panose="02040503050406030204" pitchFamily="18" charset="0"/>
                          </a:rPr>
                          <m:t>)</m:t>
                        </m:r>
                      </m:e>
                    </m:d>
                  </m:oMath>
                </a14:m>
                <a:r>
                  <a:rPr lang="en-US" dirty="0"/>
                  <a:t> </a:t>
                </a:r>
                <a14:m>
                  <m:oMath xmlns:m="http://schemas.openxmlformats.org/officeDocument/2006/math">
                    <m:r>
                      <m:rPr>
                        <m:sty m:val="p"/>
                      </m:rPr>
                      <a:rPr lang="en-US" dirty="0" smtClean="0">
                        <a:latin typeface="Cambria Math" panose="02040503050406030204" pitchFamily="18" charset="0"/>
                      </a:rPr>
                      <m:t>c</m:t>
                    </m:r>
                    <m:r>
                      <m:rPr>
                        <m:sty m:val="p"/>
                      </m:rPr>
                      <a:rPr lang="en-US" b="0" i="0" dirty="0" smtClean="0">
                        <a:latin typeface="Cambria Math" panose="02040503050406030204" pitchFamily="18" charset="0"/>
                      </a:rPr>
                      <m:t>os</m:t>
                    </m:r>
                    <m:d>
                      <m:dPr>
                        <m:ctrlPr>
                          <a:rPr lang="en-US" i="1">
                            <a:latin typeface="Cambria Math" panose="02040503050406030204" pitchFamily="18" charset="0"/>
                          </a:rPr>
                        </m:ctrlPr>
                      </m:dPr>
                      <m:e>
                        <m:rad>
                          <m:radPr>
                            <m:degHide m:val="on"/>
                            <m:ctrlPr>
                              <a:rPr lang="en-US" i="1">
                                <a:latin typeface="Cambria Math" panose="02040503050406030204" pitchFamily="18" charset="0"/>
                              </a:rPr>
                            </m:ctrlPr>
                          </m:radPr>
                          <m:deg/>
                          <m:e>
                            <m:f>
                              <m:fPr>
                                <m:ctrlPr>
                                  <a:rPr lang="en-US" i="1">
                                    <a:latin typeface="Cambria Math" panose="02040503050406030204" pitchFamily="18" charset="0"/>
                                  </a:rPr>
                                </m:ctrlPr>
                              </m:fPr>
                              <m:num>
                                <m:sSub>
                                  <m:sSubPr>
                                    <m:ctrlPr>
                                      <a:rPr lang="en-US" i="1">
                                        <a:latin typeface="Cambria Math" panose="02040503050406030204" pitchFamily="18" charset="0"/>
                                      </a:rPr>
                                    </m:ctrlPr>
                                  </m:sSubPr>
                                  <m:e>
                                    <m:r>
                                      <a:rPr lang="en-US" i="1">
                                        <a:latin typeface="Cambria Math" panose="02040503050406030204" pitchFamily="18" charset="0"/>
                                      </a:rPr>
                                      <m:t>𝜔</m:t>
                                    </m:r>
                                  </m:e>
                                  <m:sub>
                                    <m:r>
                                      <a:rPr lang="en-US" i="1">
                                        <a:latin typeface="Cambria Math" panose="02040503050406030204" pitchFamily="18" charset="0"/>
                                      </a:rPr>
                                      <m:t>0</m:t>
                                    </m:r>
                                  </m:sub>
                                </m:sSub>
                              </m:num>
                              <m:den>
                                <m:r>
                                  <a:rPr lang="en-US" i="1">
                                    <a:latin typeface="Cambria Math" panose="02040503050406030204" pitchFamily="18" charset="0"/>
                                  </a:rPr>
                                  <m:t>𝐷</m:t>
                                </m:r>
                              </m:den>
                            </m:f>
                          </m:e>
                        </m:rad>
                        <m:d>
                          <m:dPr>
                            <m:ctrlPr>
                              <a:rPr lang="en-US" i="1">
                                <a:latin typeface="Cambria Math" panose="02040503050406030204" pitchFamily="18" charset="0"/>
                              </a:rPr>
                            </m:ctrlPr>
                          </m:dPr>
                          <m:e>
                            <m:r>
                              <a:rPr lang="en-US" i="1">
                                <a:latin typeface="Cambria Math" panose="02040503050406030204" pitchFamily="18" charset="0"/>
                              </a:rPr>
                              <m:t>𝑎</m:t>
                            </m:r>
                            <m:r>
                              <a:rPr lang="en-US" i="1">
                                <a:latin typeface="Cambria Math" panose="02040503050406030204" pitchFamily="18" charset="0"/>
                              </a:rPr>
                              <m:t>−</m:t>
                            </m:r>
                            <m:r>
                              <a:rPr lang="en-US" i="1">
                                <a:latin typeface="Cambria Math" panose="02040503050406030204" pitchFamily="18" charset="0"/>
                              </a:rPr>
                              <m:t>𝑟</m:t>
                            </m:r>
                          </m:e>
                        </m:d>
                        <m:r>
                          <a:rPr lang="en-US" b="0" i="1" smtClean="0">
                            <a:latin typeface="Cambria Math" panose="02040503050406030204" pitchFamily="18" charset="0"/>
                          </a:rPr>
                          <m:t>+2</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𝜔</m:t>
                            </m:r>
                          </m:e>
                          <m:sub>
                            <m:r>
                              <a:rPr lang="en-US" b="0" i="1" smtClean="0">
                                <a:latin typeface="Cambria Math" panose="02040503050406030204" pitchFamily="18" charset="0"/>
                              </a:rPr>
                              <m:t>0</m:t>
                            </m:r>
                          </m:sub>
                        </m:sSub>
                        <m:r>
                          <a:rPr lang="en-US" b="0" i="1" smtClean="0">
                            <a:latin typeface="Cambria Math" panose="02040503050406030204" pitchFamily="18" charset="0"/>
                          </a:rPr>
                          <m:t>𝑡</m:t>
                        </m:r>
                      </m:e>
                    </m:d>
                  </m:oMath>
                </a14:m>
                <a:endParaRPr lang="en-DK" dirty="0" err="1">
                  <a:latin typeface="+mn-lt"/>
                </a:endParaRPr>
              </a:p>
            </p:txBody>
          </p:sp>
        </mc:Choice>
        <mc:Fallback>
          <p:sp>
            <p:nvSpPr>
              <p:cNvPr id="19" name="TextBox 18">
                <a:extLst>
                  <a:ext uri="{FF2B5EF4-FFF2-40B4-BE49-F238E27FC236}">
                    <a16:creationId xmlns:a16="http://schemas.microsoft.com/office/drawing/2014/main" id="{D74FF72E-F9DF-4C9F-A5A6-729AA439E545}"/>
                  </a:ext>
                </a:extLst>
              </p:cNvPr>
              <p:cNvSpPr txBox="1">
                <a:spLocks noRot="1" noChangeAspect="1" noMove="1" noResize="1" noEditPoints="1" noAdjustHandles="1" noChangeArrowheads="1" noChangeShapeType="1" noTextEdit="1"/>
              </p:cNvSpPr>
              <p:nvPr/>
            </p:nvSpPr>
            <p:spPr>
              <a:xfrm>
                <a:off x="6124094" y="2597534"/>
                <a:ext cx="5532925" cy="553228"/>
              </a:xfrm>
              <a:prstGeom prst="rect">
                <a:avLst/>
              </a:prstGeom>
              <a:blipFill>
                <a:blip r:embed="rId8"/>
                <a:stretch>
                  <a:fillRect/>
                </a:stretch>
              </a:blipFill>
            </p:spPr>
            <p:txBody>
              <a:bodyPr/>
              <a:lstStyle/>
              <a:p>
                <a:r>
                  <a:rPr lang="en-DK">
                    <a:noFill/>
                  </a:rPr>
                  <a:t> </a:t>
                </a:r>
              </a:p>
            </p:txBody>
          </p:sp>
        </mc:Fallback>
      </mc:AlternateContent>
      <mc:AlternateContent xmlns:mc="http://schemas.openxmlformats.org/markup-compatibility/2006">
        <mc:Choice xmlns:a14="http://schemas.microsoft.com/office/drawing/2010/main" Requires="a14">
          <p:sp>
            <p:nvSpPr>
              <p:cNvPr id="23" name="TextBox 22">
                <a:extLst>
                  <a:ext uri="{FF2B5EF4-FFF2-40B4-BE49-F238E27FC236}">
                    <a16:creationId xmlns:a16="http://schemas.microsoft.com/office/drawing/2014/main" id="{C92639C1-3949-42EC-8BCB-3A2900378FD6}"/>
                  </a:ext>
                </a:extLst>
              </p:cNvPr>
              <p:cNvSpPr txBox="1"/>
              <p:nvPr/>
            </p:nvSpPr>
            <p:spPr>
              <a:xfrm>
                <a:off x="6095206" y="2074194"/>
                <a:ext cx="1360309" cy="461024"/>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en-US" b="0" i="1" smtClean="0">
                              <a:latin typeface="Cambria Math" panose="02040503050406030204" pitchFamily="18" charset="0"/>
                            </a:rPr>
                          </m:ctrlPr>
                        </m:sSubPr>
                        <m:e>
                          <m:r>
                            <a:rPr lang="en-US" b="0" i="1" smtClean="0">
                              <a:latin typeface="Cambria Math" panose="02040503050406030204" pitchFamily="18" charset="0"/>
                            </a:rPr>
                            <m:t>𝑇</m:t>
                          </m:r>
                        </m:e>
                        <m:sub>
                          <m:r>
                            <a:rPr lang="en-US" b="0" i="1" smtClean="0">
                              <a:latin typeface="Cambria Math" panose="02040503050406030204" pitchFamily="18" charset="0"/>
                            </a:rPr>
                            <m:t>𝐷𝐶</m:t>
                          </m:r>
                        </m:sub>
                      </m:sSub>
                      <m:d>
                        <m:dPr>
                          <m:ctrlPr>
                            <a:rPr lang="en-US" b="0" i="1" smtClean="0">
                              <a:latin typeface="Cambria Math" panose="02040503050406030204" pitchFamily="18" charset="0"/>
                            </a:rPr>
                          </m:ctrlPr>
                        </m:dPr>
                        <m:e>
                          <m:r>
                            <a:rPr lang="en-US" b="0" i="1" smtClean="0">
                              <a:latin typeface="Cambria Math" panose="02040503050406030204" pitchFamily="18" charset="0"/>
                            </a:rPr>
                            <m:t>𝑟</m:t>
                          </m:r>
                        </m:e>
                      </m:d>
                      <m:r>
                        <a:rPr lang="en-US" b="0" i="1" smtClean="0">
                          <a:latin typeface="Cambria Math" panose="02040503050406030204" pitchFamily="18" charset="0"/>
                        </a:rPr>
                        <m:t>=</m:t>
                      </m:r>
                      <m:f>
                        <m:fPr>
                          <m:ctrlPr>
                            <a:rPr lang="en-US" b="0" i="1" smtClean="0">
                              <a:latin typeface="Cambria Math" panose="02040503050406030204" pitchFamily="18" charset="0"/>
                            </a:rPr>
                          </m:ctrlPr>
                        </m:fPr>
                        <m:num>
                          <m:sSub>
                            <m:sSubPr>
                              <m:ctrlPr>
                                <a:rPr lang="en-US" b="0" i="1" smtClean="0">
                                  <a:latin typeface="Cambria Math" panose="02040503050406030204" pitchFamily="18" charset="0"/>
                                </a:rPr>
                              </m:ctrlPr>
                            </m:sSubPr>
                            <m:e>
                              <m:r>
                                <a:rPr lang="en-US" b="0" i="1" smtClean="0">
                                  <a:latin typeface="Cambria Math" panose="02040503050406030204" pitchFamily="18" charset="0"/>
                                </a:rPr>
                                <m:t>𝑃</m:t>
                              </m:r>
                            </m:e>
                            <m:sub>
                              <m:r>
                                <a:rPr lang="en-US" b="0" i="1" smtClean="0">
                                  <a:latin typeface="Cambria Math" panose="02040503050406030204" pitchFamily="18" charset="0"/>
                                </a:rPr>
                                <m:t>0</m:t>
                              </m:r>
                            </m:sub>
                          </m:sSub>
                        </m:num>
                        <m:den>
                          <m:r>
                            <a:rPr lang="en-US" b="0" i="1" smtClean="0">
                              <a:latin typeface="Cambria Math" panose="02040503050406030204" pitchFamily="18" charset="0"/>
                            </a:rPr>
                            <m:t>4</m:t>
                          </m:r>
                          <m:r>
                            <a:rPr lang="en-US" b="0" i="1" smtClean="0">
                              <a:latin typeface="Cambria Math" panose="02040503050406030204" pitchFamily="18" charset="0"/>
                            </a:rPr>
                            <m:t>𝜋𝜅</m:t>
                          </m:r>
                          <m:r>
                            <a:rPr lang="en-US" b="0" i="1" smtClean="0">
                              <a:latin typeface="Cambria Math" panose="02040503050406030204" pitchFamily="18" charset="0"/>
                            </a:rPr>
                            <m:t>𝑟</m:t>
                          </m:r>
                        </m:den>
                      </m:f>
                    </m:oMath>
                  </m:oMathPara>
                </a14:m>
                <a:endParaRPr lang="en-DK" dirty="0" err="1">
                  <a:latin typeface="+mn-lt"/>
                </a:endParaRPr>
              </a:p>
            </p:txBody>
          </p:sp>
        </mc:Choice>
        <mc:Fallback>
          <p:sp>
            <p:nvSpPr>
              <p:cNvPr id="23" name="TextBox 22">
                <a:extLst>
                  <a:ext uri="{FF2B5EF4-FFF2-40B4-BE49-F238E27FC236}">
                    <a16:creationId xmlns:a16="http://schemas.microsoft.com/office/drawing/2014/main" id="{C92639C1-3949-42EC-8BCB-3A2900378FD6}"/>
                  </a:ext>
                </a:extLst>
              </p:cNvPr>
              <p:cNvSpPr txBox="1">
                <a:spLocks noRot="1" noChangeAspect="1" noMove="1" noResize="1" noEditPoints="1" noAdjustHandles="1" noChangeArrowheads="1" noChangeShapeType="1" noTextEdit="1"/>
              </p:cNvSpPr>
              <p:nvPr/>
            </p:nvSpPr>
            <p:spPr>
              <a:xfrm>
                <a:off x="6095206" y="2074194"/>
                <a:ext cx="1360309" cy="461024"/>
              </a:xfrm>
              <a:prstGeom prst="rect">
                <a:avLst/>
              </a:prstGeom>
              <a:blipFill>
                <a:blip r:embed="rId9"/>
                <a:stretch>
                  <a:fillRect/>
                </a:stretch>
              </a:blipFill>
            </p:spPr>
            <p:txBody>
              <a:bodyPr/>
              <a:lstStyle/>
              <a:p>
                <a:r>
                  <a:rPr lang="en-DK">
                    <a:noFill/>
                  </a:rPr>
                  <a:t> </a:t>
                </a:r>
              </a:p>
            </p:txBody>
          </p:sp>
        </mc:Fallback>
      </mc:AlternateContent>
      <p:sp>
        <p:nvSpPr>
          <p:cNvPr id="24" name="TextBox 23">
            <a:extLst>
              <a:ext uri="{FF2B5EF4-FFF2-40B4-BE49-F238E27FC236}">
                <a16:creationId xmlns:a16="http://schemas.microsoft.com/office/drawing/2014/main" id="{0B13C58F-F0AB-4995-9956-6A74987B352E}"/>
              </a:ext>
            </a:extLst>
          </p:cNvPr>
          <p:cNvSpPr txBox="1"/>
          <p:nvPr/>
        </p:nvSpPr>
        <p:spPr>
          <a:xfrm>
            <a:off x="6124094" y="1743440"/>
            <a:ext cx="3630909" cy="246221"/>
          </a:xfrm>
          <a:prstGeom prst="rect">
            <a:avLst/>
          </a:prstGeom>
          <a:noFill/>
        </p:spPr>
        <p:txBody>
          <a:bodyPr wrap="square" lIns="0" tIns="0" rIns="0" bIns="0" rtlCol="0">
            <a:spAutoFit/>
          </a:bodyPr>
          <a:lstStyle/>
          <a:p>
            <a:pPr algn="l">
              <a:spcBef>
                <a:spcPts val="432"/>
              </a:spcBef>
            </a:pPr>
            <a:r>
              <a:rPr lang="en-US" b="1" dirty="0">
                <a:latin typeface="+mn-lt"/>
              </a:rPr>
              <a:t>Solution to heat equation</a:t>
            </a:r>
            <a:endParaRPr lang="en-DK" b="1" dirty="0" err="1">
              <a:latin typeface="+mn-lt"/>
            </a:endParaRPr>
          </a:p>
        </p:txBody>
      </p:sp>
      <p:pic>
        <p:nvPicPr>
          <p:cNvPr id="6" name="Picture 5" descr="A screenshot of a cell phone&#10;&#10;Description automatically generated">
            <a:extLst>
              <a:ext uri="{FF2B5EF4-FFF2-40B4-BE49-F238E27FC236}">
                <a16:creationId xmlns:a16="http://schemas.microsoft.com/office/drawing/2014/main" id="{3C49C4AF-3F38-4AEE-8D6E-3FE4DBCECC5C}"/>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990115" y="3195483"/>
            <a:ext cx="3660045" cy="3201733"/>
          </a:xfrm>
          <a:prstGeom prst="rect">
            <a:avLst/>
          </a:prstGeom>
        </p:spPr>
      </p:pic>
      <p:pic>
        <p:nvPicPr>
          <p:cNvPr id="21" name="Audio 20">
            <a:hlinkClick r:id="" action="ppaction://media"/>
            <a:extLst>
              <a:ext uri="{FF2B5EF4-FFF2-40B4-BE49-F238E27FC236}">
                <a16:creationId xmlns:a16="http://schemas.microsoft.com/office/drawing/2014/main" id="{A31473BA-4D58-47E5-BB24-140505E843B5}"/>
              </a:ext>
            </a:extLst>
          </p:cNvPr>
          <p:cNvPicPr>
            <a:picLocks noChangeAspect="1"/>
          </p:cNvPicPr>
          <p:nvPr>
            <a:audioFile r:link="rId2"/>
            <p:extLst>
              <p:ext uri="{DAA4B4D4-6D71-4841-9C94-3DE7FCFB9230}">
                <p14:media xmlns:p14="http://schemas.microsoft.com/office/powerpoint/2010/main" r:embed="rId1"/>
              </p:ext>
            </p:extLst>
          </p:nvPr>
        </p:nvPicPr>
        <p:blipFill>
          <a:blip r:embed="rId11"/>
          <a:stretch>
            <a:fillRect/>
          </a:stretch>
        </p:blipFill>
        <p:spPr>
          <a:xfrm>
            <a:off x="11487150" y="6154738"/>
            <a:ext cx="487363" cy="487362"/>
          </a:xfrm>
          <a:prstGeom prst="rect">
            <a:avLst/>
          </a:prstGeom>
        </p:spPr>
      </p:pic>
    </p:spTree>
    <p:extLst>
      <p:ext uri="{BB962C8B-B14F-4D97-AF65-F5344CB8AC3E}">
        <p14:creationId xmlns:p14="http://schemas.microsoft.com/office/powerpoint/2010/main" val="4283609295"/>
      </p:ext>
    </p:extLst>
  </p:cSld>
  <p:clrMapOvr>
    <a:masterClrMapping/>
  </p:clrMapOvr>
  <mc:AlternateContent xmlns:mc="http://schemas.openxmlformats.org/markup-compatibility/2006">
    <mc:Choice xmlns:p14="http://schemas.microsoft.com/office/powerpoint/2010/main" Requires="p14">
      <p:transition spd="slow" p14:dur="2000" advTm="82293"/>
    </mc:Choice>
    <mc:Fallback>
      <p:transition spd="slow" advTm="82293"/>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21"/>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21"/>
                </p:tgtEl>
              </p:cMediaNode>
            </p:audio>
          </p:childTnLst>
        </p:cTn>
      </p:par>
    </p:tnLst>
  </p:timing>
  <p:extLst>
    <p:ext uri="{3A86A75C-4F4B-4683-9AE1-C65F6400EC91}">
      <p14:laserTraceLst xmlns:p14="http://schemas.microsoft.com/office/powerpoint/2010/main">
        <p14:tracePtLst>
          <p14:tracePt t="4863" x="722313" y="1809750"/>
          <p14:tracePt t="4890" x="722313" y="1819275"/>
          <p14:tracePt t="4897" x="714375" y="1819275"/>
          <p14:tracePt t="4904" x="714375" y="1827213"/>
          <p14:tracePt t="4925" x="714375" y="1835150"/>
          <p14:tracePt t="4973" x="704850" y="1835150"/>
          <p14:tracePt t="4988" x="704850" y="1844675"/>
          <p14:tracePt t="5007" x="704850" y="1852613"/>
          <p14:tracePt t="5021" x="696913" y="1852613"/>
          <p14:tracePt t="5120" x="696913" y="1860550"/>
          <p14:tracePt t="5133" x="696913" y="1870075"/>
          <p14:tracePt t="5147" x="696913" y="1878013"/>
          <p14:tracePt t="5181" x="696913" y="1885950"/>
          <p14:tracePt t="5195" x="696913" y="1895475"/>
          <p14:tracePt t="5209" x="688975" y="1895475"/>
          <p14:tracePt t="5215" x="688975" y="1903413"/>
          <p14:tracePt t="5229" x="679450" y="1911350"/>
          <p14:tracePt t="5236" x="679450" y="1920875"/>
          <p14:tracePt t="5257" x="679450" y="1928813"/>
          <p14:tracePt t="5271" x="679450" y="1938338"/>
          <p14:tracePt t="5284" x="679450" y="1946275"/>
          <p14:tracePt t="5291" x="679450" y="1954213"/>
          <p14:tracePt t="5312" x="679450" y="1963738"/>
          <p14:tracePt t="5319" x="679450" y="1971675"/>
          <p14:tracePt t="5326" x="679450" y="1979613"/>
          <p14:tracePt t="5361" x="679450" y="1989138"/>
          <p14:tracePt t="5374" x="679450" y="1997075"/>
          <p14:tracePt t="5409" x="679450" y="2005013"/>
          <p14:tracePt t="5423" x="679450" y="2014538"/>
          <p14:tracePt t="5429" x="679450" y="2022475"/>
          <p14:tracePt t="5443" x="679450" y="2030413"/>
          <p14:tracePt t="5450" x="679450" y="2039938"/>
          <p14:tracePt t="5471" x="679450" y="2047875"/>
          <p14:tracePt t="5478" x="679450" y="2055813"/>
          <p14:tracePt t="5485" x="679450" y="2065338"/>
          <p14:tracePt t="5493" x="688975" y="2073275"/>
          <p14:tracePt t="5500" x="688975" y="2082800"/>
          <p14:tracePt t="5508" x="688975" y="2090738"/>
          <p14:tracePt t="5514" x="688975" y="2098675"/>
          <p14:tracePt t="5526" x="688975" y="2108200"/>
          <p14:tracePt t="5535" x="688975" y="2124075"/>
          <p14:tracePt t="5544" x="688975" y="2133600"/>
          <p14:tracePt t="5556" x="688975" y="2149475"/>
          <p14:tracePt t="5561" x="688975" y="2159000"/>
          <p14:tracePt t="5575" x="688975" y="2166938"/>
          <p14:tracePt t="5582" x="688975" y="2184400"/>
          <p14:tracePt t="5596" x="688975" y="2192338"/>
          <p14:tracePt t="5604" x="688975" y="2209800"/>
          <p14:tracePt t="5617" x="688975" y="2217738"/>
          <p14:tracePt t="5623" x="688975" y="2227263"/>
          <p14:tracePt t="5630" x="688975" y="2235200"/>
          <p14:tracePt t="5637" x="688975" y="2243138"/>
          <p14:tracePt t="5644" x="688975" y="2252663"/>
          <p14:tracePt t="5665" x="688975" y="2260600"/>
          <p14:tracePt t="5672" x="688975" y="2268538"/>
          <p14:tracePt t="5686" x="688975" y="2278063"/>
          <p14:tracePt t="5693" x="688975" y="2286000"/>
          <p14:tracePt t="5700" x="688975" y="2293938"/>
          <p14:tracePt t="5714" x="688975" y="2303463"/>
          <p14:tracePt t="5727" x="688975" y="2311400"/>
          <p14:tracePt t="5748" x="688975" y="2319338"/>
          <p14:tracePt t="5768" x="688975" y="2328863"/>
          <p14:tracePt t="5782" x="688975" y="2336800"/>
          <p14:tracePt t="5817" x="688975" y="2344738"/>
          <p14:tracePt t="5824" x="688975" y="2354263"/>
          <p14:tracePt t="5845" x="688975" y="2362200"/>
          <p14:tracePt t="5859" x="688975" y="2371725"/>
          <p14:tracePt t="5866" x="688975" y="2379663"/>
          <p14:tracePt t="5887" x="688975" y="2387600"/>
          <p14:tracePt t="5907" x="688975" y="2397125"/>
          <p14:tracePt t="5935" x="688975" y="2405063"/>
          <p14:tracePt t="5956" x="688975" y="2413000"/>
          <p14:tracePt t="5984" x="688975" y="2422525"/>
          <p14:tracePt t="6005" x="688975" y="2430463"/>
          <p14:tracePt t="6011" x="688975" y="2438400"/>
          <p14:tracePt t="6032" x="688975" y="2447925"/>
          <p14:tracePt t="6045" x="688975" y="2455863"/>
          <p14:tracePt t="6074" x="688975" y="2463800"/>
          <p14:tracePt t="6080" x="688975" y="2473325"/>
          <p14:tracePt t="6101" x="688975" y="2481263"/>
          <p14:tracePt t="10531" x="696913" y="2489200"/>
          <p14:tracePt t="10540" x="696913" y="2506663"/>
          <p14:tracePt t="10544" x="704850" y="2506663"/>
          <p14:tracePt t="10556" x="704850" y="2516188"/>
          <p14:tracePt t="10558" x="704850" y="2524125"/>
          <p14:tracePt t="10565" x="714375" y="2532063"/>
          <p14:tracePt t="10573" x="722313" y="2541588"/>
          <p14:tracePt t="10579" x="722313" y="2549525"/>
          <p14:tracePt t="10589" x="730250" y="2557463"/>
          <p14:tracePt t="10594" x="730250" y="2566988"/>
          <p14:tracePt t="10599" x="730250" y="2574925"/>
          <p14:tracePt t="10605" x="739775" y="2582863"/>
          <p14:tracePt t="10613" x="739775" y="2592388"/>
          <p14:tracePt t="10619" x="747713" y="2600325"/>
          <p14:tracePt t="10627" x="755650" y="2608263"/>
          <p14:tracePt t="10634" x="755650" y="2617788"/>
          <p14:tracePt t="10641" x="765175" y="2625725"/>
          <p14:tracePt t="10654" x="773113" y="2643188"/>
          <p14:tracePt t="10661" x="781050" y="2651125"/>
          <p14:tracePt t="10675" x="790575" y="2668588"/>
          <p14:tracePt t="10682" x="790575" y="2676525"/>
          <p14:tracePt t="10689" x="798513" y="2676525"/>
          <p14:tracePt t="10696" x="806450" y="2693988"/>
          <p14:tracePt t="10703" x="806450" y="2711450"/>
          <p14:tracePt t="10709" x="815975" y="2711450"/>
          <p14:tracePt t="10717" x="823913" y="2727325"/>
          <p14:tracePt t="10723" x="831850" y="2744788"/>
          <p14:tracePt t="10738" x="831850" y="2752725"/>
          <p14:tracePt t="10744" x="841375" y="2770188"/>
          <p14:tracePt t="10752" x="849313" y="2770188"/>
          <p14:tracePt t="10758" x="858838" y="2778125"/>
          <p14:tracePt t="10764" x="858838" y="2787650"/>
          <p14:tracePt t="10771" x="858838" y="2795588"/>
          <p14:tracePt t="10778" x="858838" y="2805113"/>
          <p14:tracePt t="10787" x="866775" y="2813050"/>
          <p14:tracePt t="10792" x="866775" y="2820988"/>
          <p14:tracePt t="10800" x="866775" y="2830513"/>
          <p14:tracePt t="10807" x="874713" y="2838450"/>
          <p14:tracePt t="10821" x="884238" y="2838450"/>
          <p14:tracePt t="10827" x="884238" y="2846388"/>
          <p14:tracePt t="10837" x="884238" y="2855913"/>
          <p14:tracePt t="10849" x="884238" y="2863850"/>
          <p14:tracePt t="10855" x="892175" y="2863850"/>
          <p14:tracePt t="10862" x="892175" y="2871788"/>
          <p14:tracePt t="10876" x="900113" y="2881313"/>
          <p14:tracePt t="10904" x="900113" y="2889250"/>
          <p14:tracePt t="10911" x="900113" y="2897188"/>
          <p14:tracePt t="10938" x="900113" y="2906713"/>
          <p14:tracePt t="10945" x="909638" y="2906713"/>
          <p14:tracePt t="10953" x="909638" y="2914650"/>
          <p14:tracePt t="10959" x="909638" y="2922588"/>
          <p14:tracePt t="10966" x="917575" y="2922588"/>
          <p14:tracePt t="10994" x="917575" y="2932113"/>
          <p14:tracePt t="11001" x="925513" y="2932113"/>
          <p14:tracePt t="11008" x="925513" y="2940050"/>
          <p14:tracePt t="11036" x="935038" y="2949575"/>
          <p14:tracePt t="11042" x="935038" y="2957513"/>
          <p14:tracePt t="11049" x="942975" y="2957513"/>
          <p14:tracePt t="11070" x="942975" y="2965450"/>
          <p14:tracePt t="11076" x="942975" y="2974975"/>
          <p14:tracePt t="11090" x="950913" y="2982913"/>
          <p14:tracePt t="11125" x="950913" y="2990850"/>
          <p14:tracePt t="11139" x="960438" y="3000375"/>
          <p14:tracePt t="11174" x="960438" y="3008313"/>
          <p14:tracePt t="11181" x="968375" y="3008313"/>
          <p14:tracePt t="11187" x="968375" y="3016250"/>
          <p14:tracePt t="11202" x="968375" y="3025775"/>
          <p14:tracePt t="11222" x="976313" y="3025775"/>
          <p14:tracePt t="11236" x="976313" y="3033713"/>
          <p14:tracePt t="11250" x="976313" y="3041650"/>
          <p14:tracePt t="11257" x="985838" y="3041650"/>
          <p14:tracePt t="11285" x="985838" y="3051175"/>
          <p14:tracePt t="11291" x="993775" y="3051175"/>
          <p14:tracePt t="11299" x="993775" y="3059113"/>
          <p14:tracePt t="11306" x="1003300" y="3059113"/>
          <p14:tracePt t="11312" x="1003300" y="3067050"/>
          <p14:tracePt t="11403" x="1003300" y="3059113"/>
          <p14:tracePt t="13560" x="1003300" y="3067050"/>
          <p14:tracePt t="13567" x="1003300" y="3101975"/>
          <p14:tracePt t="13574" x="1003300" y="3127375"/>
          <p14:tracePt t="13581" x="993775" y="3160713"/>
          <p14:tracePt t="13588" x="985838" y="3195638"/>
          <p14:tracePt t="13595" x="985838" y="3221038"/>
          <p14:tracePt t="13602" x="976313" y="3246438"/>
          <p14:tracePt t="13609" x="968375" y="3279775"/>
          <p14:tracePt t="13616" x="960438" y="3314700"/>
          <p14:tracePt t="13623" x="950913" y="3330575"/>
          <p14:tracePt t="13630" x="942975" y="3355975"/>
          <p14:tracePt t="13637" x="942975" y="3373438"/>
          <p14:tracePt t="13643" x="935038" y="3390900"/>
          <p14:tracePt t="13651" x="935038" y="3398838"/>
          <p14:tracePt t="13657" x="925513" y="3416300"/>
          <p14:tracePt t="13664" x="917575" y="3433763"/>
          <p14:tracePt t="13671" x="909638" y="3441700"/>
          <p14:tracePt t="13678" x="900113" y="3459163"/>
          <p14:tracePt t="13685" x="892175" y="3459163"/>
          <p14:tracePt t="13692" x="892175" y="3467100"/>
          <p14:tracePt t="13706" x="892175" y="3475038"/>
          <p14:tracePt t="13720" x="884238" y="3484563"/>
          <p14:tracePt t="13726" x="874713" y="3492500"/>
          <p14:tracePt t="13740" x="866775" y="3502025"/>
          <p14:tracePt t="13747" x="858838" y="3509963"/>
          <p14:tracePt t="13761" x="849313" y="3509963"/>
          <p14:tracePt t="13768" x="849313" y="3517900"/>
          <p14:tracePt t="13775" x="841375" y="3527425"/>
          <p14:tracePt t="13782" x="831850" y="3535363"/>
          <p14:tracePt t="13806" x="815975" y="3552825"/>
          <p14:tracePt t="13810" x="798513" y="3568700"/>
          <p14:tracePt t="13818" x="798513" y="3586163"/>
          <p14:tracePt t="13823" x="790575" y="3603625"/>
          <p14:tracePt t="13830" x="773113" y="3611563"/>
          <p14:tracePt t="13838" x="765175" y="3629025"/>
          <p14:tracePt t="13845" x="755650" y="3646488"/>
          <p14:tracePt t="13852" x="747713" y="3671888"/>
          <p14:tracePt t="13858" x="739775" y="3679825"/>
          <p14:tracePt t="13865" x="730250" y="3705225"/>
          <p14:tracePt t="13872" x="714375" y="3738563"/>
          <p14:tracePt t="13879" x="704850" y="3773488"/>
          <p14:tracePt t="13887" x="696913" y="3806825"/>
          <p14:tracePt t="13893" x="679450" y="3849688"/>
          <p14:tracePt t="13901" x="671513" y="3883025"/>
          <p14:tracePt t="13907" x="661988" y="3917950"/>
          <p14:tracePt t="13914" x="654050" y="3951288"/>
          <p14:tracePt t="13920" x="636588" y="3986213"/>
          <p14:tracePt t="13927" x="628650" y="4019550"/>
          <p14:tracePt t="13936" x="620713" y="4052888"/>
          <p14:tracePt t="13941" x="611188" y="4087813"/>
          <p14:tracePt t="13949" x="603250" y="4121150"/>
          <p14:tracePt t="13956" x="595313" y="4146550"/>
          <p14:tracePt t="13962" x="585788" y="4181475"/>
          <p14:tracePt t="13969" x="585788" y="4214813"/>
          <p14:tracePt t="13976" x="577850" y="4240213"/>
          <p14:tracePt t="13985" x="577850" y="4275138"/>
          <p14:tracePt t="13990" x="569913" y="4300538"/>
          <p14:tracePt t="13997" x="569913" y="4325938"/>
          <p14:tracePt t="14004" x="569913" y="4351338"/>
          <p14:tracePt t="14011" x="569913" y="4368800"/>
          <p14:tracePt t="14018" x="569913" y="4384675"/>
          <p14:tracePt t="14024" x="569913" y="4402138"/>
          <p14:tracePt t="14038" x="569913" y="4419600"/>
          <p14:tracePt t="14045" x="569913" y="4427538"/>
          <p14:tracePt t="14059" x="569913" y="4435475"/>
          <p14:tracePt t="14068" x="569913" y="4445000"/>
          <p14:tracePt t="14080" x="569913" y="4452938"/>
          <p14:tracePt t="14087" x="569913" y="4460875"/>
          <p14:tracePt t="14094" x="569913" y="4470400"/>
          <p14:tracePt t="14115" x="569913" y="4478338"/>
          <p14:tracePt t="14121" x="569913" y="4486275"/>
          <p14:tracePt t="14136" x="569913" y="4495800"/>
          <p14:tracePt t="14143" x="577850" y="4503738"/>
          <p14:tracePt t="14156" x="585788" y="4513263"/>
          <p14:tracePt t="14172" x="585788" y="4529138"/>
          <p14:tracePt t="14188" x="585788" y="4538663"/>
          <p14:tracePt t="14192" x="595313" y="4554538"/>
          <p14:tracePt t="14204" x="603250" y="4554538"/>
          <p14:tracePt t="14211" x="603250" y="4572000"/>
          <p14:tracePt t="14219" x="603250" y="4579938"/>
          <p14:tracePt t="14225" x="611188" y="4579938"/>
          <p14:tracePt t="14232" x="611188" y="4597400"/>
          <p14:tracePt t="14239" x="620713" y="4605338"/>
          <p14:tracePt t="14246" x="620713" y="4614863"/>
          <p14:tracePt t="14254" x="636588" y="4630738"/>
          <p14:tracePt t="14260" x="646113" y="4648200"/>
          <p14:tracePt t="14268" x="654050" y="4665663"/>
          <p14:tracePt t="14274" x="661988" y="4683125"/>
          <p14:tracePt t="14281" x="671513" y="4708525"/>
          <p14:tracePt t="14287" x="671513" y="4716463"/>
          <p14:tracePt t="14294" x="679450" y="4724400"/>
          <p14:tracePt t="14304" x="679450" y="4733925"/>
          <p14:tracePt t="14312" x="688975" y="4741863"/>
          <p14:tracePt t="14317" x="696913" y="4749800"/>
          <p14:tracePt t="14324" x="704850" y="4775200"/>
          <p14:tracePt t="14338" x="704850" y="4792663"/>
          <p14:tracePt t="14344" x="714375" y="4802188"/>
          <p14:tracePt t="14354" x="714375" y="4818063"/>
          <p14:tracePt t="14358" x="722313" y="4827588"/>
          <p14:tracePt t="14370" x="730250" y="4835525"/>
          <p14:tracePt t="14377" x="730250" y="4843463"/>
          <p14:tracePt t="14385" x="730250" y="4852988"/>
          <p14:tracePt t="14391" x="730250" y="4860925"/>
          <p14:tracePt t="14399" x="730250" y="4868863"/>
          <p14:tracePt t="14405" x="739775" y="4878388"/>
          <p14:tracePt t="14412" x="739775" y="4886325"/>
          <p14:tracePt t="14419" x="747713" y="4894263"/>
          <p14:tracePt t="14427" x="747713" y="4903788"/>
          <p14:tracePt t="14434" x="755650" y="4911725"/>
          <p14:tracePt t="14439" x="755650" y="4919663"/>
          <p14:tracePt t="14447" x="755650" y="4929188"/>
          <p14:tracePt t="14454" x="755650" y="4937125"/>
          <p14:tracePt t="14461" x="755650" y="4946650"/>
          <p14:tracePt t="14468" x="765175" y="4954588"/>
          <p14:tracePt t="14474" x="765175" y="4962525"/>
          <p14:tracePt t="14482" x="765175" y="4972050"/>
          <p14:tracePt t="14488" x="773113" y="4972050"/>
          <p14:tracePt t="14495" x="773113" y="4987925"/>
          <p14:tracePt t="14517" x="773113" y="4997450"/>
          <p14:tracePt t="14523" x="773113" y="5005388"/>
          <p14:tracePt t="14530" x="773113" y="5013325"/>
          <p14:tracePt t="14544" x="773113" y="5030788"/>
          <p14:tracePt t="14551" x="773113" y="5038725"/>
          <p14:tracePt t="14564" x="773113" y="5048250"/>
          <p14:tracePt t="14571" x="773113" y="5056188"/>
          <p14:tracePt t="14592" x="773113" y="5064125"/>
          <p14:tracePt t="14599" x="773113" y="5073650"/>
          <p14:tracePt t="14606" x="773113" y="5081588"/>
          <p14:tracePt t="14634" x="773113" y="5091113"/>
          <p14:tracePt t="14640" x="773113" y="5099050"/>
          <p14:tracePt t="14655" x="773113" y="5106988"/>
          <p14:tracePt t="14661" x="773113" y="5116513"/>
          <p14:tracePt t="14675" x="773113" y="5124450"/>
          <p14:tracePt t="14710" x="773113" y="5132388"/>
          <p14:tracePt t="14723" x="773113" y="5141913"/>
          <p14:tracePt t="14759" x="773113" y="5149850"/>
          <p14:tracePt t="14778" x="773113" y="5157788"/>
          <p14:tracePt t="20273" x="773113" y="5167313"/>
          <p14:tracePt t="20280" x="773113" y="5183188"/>
          <p14:tracePt t="20295" x="773113" y="5192713"/>
          <p14:tracePt t="20301" x="773113" y="5208588"/>
          <p14:tracePt t="20308" x="773113" y="5218113"/>
          <p14:tracePt t="20316" x="773113" y="5226050"/>
          <p14:tracePt t="20322" x="773113" y="5235575"/>
          <p14:tracePt t="20329" x="773113" y="5243513"/>
          <p14:tracePt t="20335" x="773113" y="5251450"/>
          <p14:tracePt t="20342" x="765175" y="5260975"/>
          <p14:tracePt t="20356" x="765175" y="5276850"/>
          <p14:tracePt t="20363" x="765175" y="5286375"/>
          <p14:tracePt t="20384" x="765175" y="5294313"/>
          <p14:tracePt t="20399" x="765175" y="5302250"/>
          <p14:tracePt t="20523" x="765175" y="5294313"/>
          <p14:tracePt t="20578" x="765175" y="5286375"/>
          <p14:tracePt t="20599" x="765175" y="5276850"/>
          <p14:tracePt t="20627" x="765175" y="5268913"/>
          <p14:tracePt t="21685" x="765175" y="5276850"/>
          <p14:tracePt t="21692" x="765175" y="5286375"/>
          <p14:tracePt t="21706" x="765175" y="5294313"/>
          <p14:tracePt t="21713" x="765175" y="5302250"/>
          <p14:tracePt t="21721" x="773113" y="5302250"/>
          <p14:tracePt t="21735" x="773113" y="5311775"/>
          <p14:tracePt t="21740" x="773113" y="5319713"/>
          <p14:tracePt t="21754" x="773113" y="5327650"/>
          <p14:tracePt t="21775" x="773113" y="5337175"/>
          <p14:tracePt t="21789" x="773113" y="5345113"/>
          <p14:tracePt t="21817" x="773113" y="5353050"/>
          <p14:tracePt t="21824" x="773113" y="5362575"/>
          <p14:tracePt t="21859" x="773113" y="5370513"/>
          <p14:tracePt t="21872" x="773113" y="5380038"/>
          <p14:tracePt t="21886" x="773113" y="5387975"/>
          <p14:tracePt t="22025" x="773113" y="5380038"/>
          <p14:tracePt t="22045" x="773113" y="5370513"/>
          <p14:tracePt t="22904" x="773113" y="5362575"/>
          <p14:tracePt t="22917" x="773113" y="5353050"/>
          <p14:tracePt t="23664" x="781050" y="5362575"/>
          <p14:tracePt t="23671" x="790575" y="5362575"/>
          <p14:tracePt t="23678" x="798513" y="5370513"/>
          <p14:tracePt t="23685" x="806450" y="5387975"/>
          <p14:tracePt t="23692" x="823913" y="5395913"/>
          <p14:tracePt t="23699" x="841375" y="5405438"/>
          <p14:tracePt t="23706" x="849313" y="5413375"/>
          <p14:tracePt t="23713" x="858838" y="5421313"/>
          <p14:tracePt t="23720" x="874713" y="5430838"/>
          <p14:tracePt t="23726" x="884238" y="5438775"/>
          <p14:tracePt t="23734" x="900113" y="5438775"/>
          <p14:tracePt t="23740" x="900113" y="5446713"/>
          <p14:tracePt t="23748" x="909638" y="5446713"/>
          <p14:tracePt t="23754" x="917575" y="5456238"/>
          <p14:tracePt t="23761" x="917575" y="5464175"/>
          <p14:tracePt t="23768" x="925513" y="5464175"/>
          <p14:tracePt t="23775" x="935038" y="5464175"/>
          <p14:tracePt t="23789" x="935038" y="5472113"/>
          <p14:tracePt t="23796" x="942975" y="5472113"/>
          <p14:tracePt t="23803" x="950913" y="5481638"/>
          <p14:tracePt t="23817" x="960438" y="5481638"/>
          <p14:tracePt t="23837" x="960438" y="5489575"/>
          <p14:tracePt t="24066" x="968375" y="5489575"/>
          <p14:tracePt t="24072" x="976313" y="5489575"/>
          <p14:tracePt t="24087" x="985838" y="5489575"/>
          <p14:tracePt t="24094" x="993775" y="5489575"/>
          <p14:tracePt t="24108" x="1003300" y="5489575"/>
          <p14:tracePt t="24114" x="1011238" y="5489575"/>
          <p14:tracePt t="24121" x="1019175" y="5489575"/>
          <p14:tracePt t="24128" x="1028700" y="5489575"/>
          <p14:tracePt t="24135" x="1036638" y="5489575"/>
          <p14:tracePt t="24141" x="1044575" y="5489575"/>
          <p14:tracePt t="24150" x="1054100" y="5489575"/>
          <p14:tracePt t="24156" x="1062038" y="5489575"/>
          <p14:tracePt t="24165" x="1069975" y="5489575"/>
          <p14:tracePt t="24169" x="1087438" y="5481638"/>
          <p14:tracePt t="24177" x="1112838" y="5464175"/>
          <p14:tracePt t="24183" x="1130300" y="5446713"/>
          <p14:tracePt t="24190" x="1147763" y="5421313"/>
          <p14:tracePt t="24198" x="1155700" y="5413375"/>
          <p14:tracePt t="24204" x="1173163" y="5395913"/>
          <p14:tracePt t="24211" x="1181100" y="5380038"/>
          <p14:tracePt t="24218" x="1189038" y="5353050"/>
          <p14:tracePt t="24225" x="1198563" y="5337175"/>
          <p14:tracePt t="24232" x="1198563" y="5311775"/>
          <p14:tracePt t="24239" x="1198563" y="5286375"/>
          <p14:tracePt t="24246" x="1198563" y="5260975"/>
          <p14:tracePt t="24253" x="1198563" y="5226050"/>
          <p14:tracePt t="24260" x="1181100" y="5192713"/>
          <p14:tracePt t="24266" x="1163638" y="5167313"/>
          <p14:tracePt t="24274" x="1147763" y="5132388"/>
          <p14:tracePt t="24281" x="1130300" y="5116513"/>
          <p14:tracePt t="24287" x="1104900" y="5091113"/>
          <p14:tracePt t="24294" x="1095375" y="5064125"/>
          <p14:tracePt t="24301" x="1079500" y="5030788"/>
          <p14:tracePt t="24308" x="1069975" y="5013325"/>
          <p14:tracePt t="24315" x="1062038" y="4979988"/>
          <p14:tracePt t="24322" x="1054100" y="4929188"/>
          <p14:tracePt t="24330" x="1044575" y="4860925"/>
          <p14:tracePt t="24336" x="1044575" y="4784725"/>
          <p14:tracePt t="24343" x="1036638" y="4716463"/>
          <p14:tracePt t="24351" x="1028700" y="4657725"/>
          <p14:tracePt t="24357" x="1028700" y="4614863"/>
          <p14:tracePt t="24365" x="1028700" y="4579938"/>
          <p14:tracePt t="24370" x="1019175" y="4546600"/>
          <p14:tracePt t="24378" x="1011238" y="4521200"/>
          <p14:tracePt t="24384" x="1003300" y="4486275"/>
          <p14:tracePt t="24391" x="1003300" y="4470400"/>
          <p14:tracePt t="24398" x="1003300" y="4452938"/>
          <p14:tracePt t="24405" x="1003300" y="4435475"/>
          <p14:tracePt t="24412" x="1003300" y="4410075"/>
          <p14:tracePt t="24419" x="1003300" y="4384675"/>
          <p14:tracePt t="24426" x="1003300" y="4351338"/>
          <p14:tracePt t="24433" x="1003300" y="4325938"/>
          <p14:tracePt t="24440" x="1003300" y="4291013"/>
          <p14:tracePt t="24448" x="1003300" y="4265613"/>
          <p14:tracePt t="24454" x="1003300" y="4249738"/>
          <p14:tracePt t="24461" x="1003300" y="4232275"/>
          <p14:tracePt t="24467" x="1003300" y="4214813"/>
          <p14:tracePt t="24474" x="1003300" y="4206875"/>
          <p14:tracePt t="24483" x="993775" y="4189413"/>
          <p14:tracePt t="24490" x="993775" y="4181475"/>
          <p14:tracePt t="24504" x="993775" y="4164013"/>
          <p14:tracePt t="24510" x="993775" y="4156075"/>
          <p14:tracePt t="24518" x="993775" y="4146550"/>
          <p14:tracePt t="24523" x="993775" y="4130675"/>
          <p14:tracePt t="24533" x="993775" y="4105275"/>
          <p14:tracePt t="24537" x="993775" y="4079875"/>
          <p14:tracePt t="24545" x="993775" y="4037013"/>
          <p14:tracePt t="24551" x="1003300" y="3986213"/>
          <p14:tracePt t="24558" x="1003300" y="3943350"/>
          <p14:tracePt t="24566" x="1003300" y="3900488"/>
          <p14:tracePt t="24572" x="1003300" y="3857625"/>
          <p14:tracePt t="24579" x="1011238" y="3816350"/>
          <p14:tracePt t="24586" x="1011238" y="3781425"/>
          <p14:tracePt t="24592" x="1011238" y="3748088"/>
          <p14:tracePt t="24600" x="1019175" y="3722688"/>
          <p14:tracePt t="24606" x="1019175" y="3705225"/>
          <p14:tracePt t="24615" x="1036638" y="3679825"/>
          <p14:tracePt t="24620" x="1044575" y="3654425"/>
          <p14:tracePt t="24627" x="1054100" y="3636963"/>
          <p14:tracePt t="24633" x="1062038" y="3629025"/>
          <p14:tracePt t="24642" x="1062038" y="3611563"/>
          <p14:tracePt t="24652" x="1069975" y="3594100"/>
          <p14:tracePt t="24655" x="1079500" y="3594100"/>
          <p14:tracePt t="24662" x="1087438" y="3586163"/>
          <p14:tracePt t="24670" x="1087438" y="3578225"/>
          <p14:tracePt t="24676" x="1087438" y="3568700"/>
          <p14:tracePt t="24690" x="1087438" y="3560763"/>
          <p14:tracePt t="24700" x="1087438" y="3552825"/>
          <p14:tracePt t="24718" x="1087438" y="3535363"/>
          <p14:tracePt t="24724" x="1087438" y="3527425"/>
          <p14:tracePt t="24738" x="1087438" y="3509963"/>
          <p14:tracePt t="24745" x="1087438" y="3502025"/>
          <p14:tracePt t="24752" x="1095375" y="3475038"/>
          <p14:tracePt t="24759" x="1095375" y="3441700"/>
          <p14:tracePt t="24767" x="1095375" y="3408363"/>
          <p14:tracePt t="24772" x="1095375" y="3390900"/>
          <p14:tracePt t="24780" x="1095375" y="3355975"/>
          <p14:tracePt t="24787" x="1095375" y="3330575"/>
          <p14:tracePt t="24793" x="1095375" y="3322638"/>
          <p14:tracePt t="24800" x="1095375" y="3305175"/>
          <p14:tracePt t="24807" x="1095375" y="3297238"/>
          <p14:tracePt t="24820" x="1095375" y="3289300"/>
          <p14:tracePt t="24827" x="1095375" y="3279775"/>
          <p14:tracePt t="24834" x="1095375" y="3271838"/>
          <p14:tracePt t="24855" x="1095375" y="3263900"/>
          <p14:tracePt t="24863" x="1095375" y="3254375"/>
          <p14:tracePt t="24883" x="1095375" y="3246438"/>
          <p14:tracePt t="24890" x="1095375" y="3238500"/>
          <p14:tracePt t="24911" x="1095375" y="3228975"/>
          <p14:tracePt t="24925" x="1095375" y="3221038"/>
          <p14:tracePt t="24939" x="1095375" y="3211513"/>
          <p14:tracePt t="24973" x="1095375" y="3203575"/>
          <p14:tracePt t="24987" x="1095375" y="3195638"/>
          <p14:tracePt t="25021" x="1095375" y="3186113"/>
          <p14:tracePt t="25035" x="1095375" y="3178175"/>
          <p14:tracePt t="25457" x="1095375" y="3186113"/>
          <p14:tracePt t="25491" x="1095375" y="3195638"/>
          <p14:tracePt t="25512" x="1095375" y="3203575"/>
          <p14:tracePt t="25547" x="1095375" y="3211513"/>
          <p14:tracePt t="25561" x="1095375" y="3221038"/>
          <p14:tracePt t="25603" x="1095375" y="3228975"/>
          <p14:tracePt t="25714" x="1095375" y="3238500"/>
          <p14:tracePt t="25728" x="1087438" y="3238500"/>
          <p14:tracePt t="25749" x="1087438" y="3246438"/>
          <p14:tracePt t="26121" x="1079500" y="3246438"/>
          <p14:tracePt t="26142" x="1079500" y="3254375"/>
          <p14:tracePt t="26149" x="1069975" y="3254375"/>
          <p14:tracePt t="26156" x="1069975" y="3263900"/>
          <p14:tracePt t="26170" x="1062038" y="3263900"/>
          <p14:tracePt t="26191" x="1062038" y="3271838"/>
          <p14:tracePt t="26198" x="1054100" y="3271838"/>
          <p14:tracePt t="26204" x="1054100" y="3279775"/>
          <p14:tracePt t="26218" x="1054100" y="3289300"/>
          <p14:tracePt t="26225" x="1044575" y="3289300"/>
          <p14:tracePt t="26253" x="1044575" y="3297238"/>
          <p14:tracePt t="26260" x="1036638" y="3297238"/>
          <p14:tracePt t="26267" x="1036638" y="3305175"/>
          <p14:tracePt t="26295" x="1028700" y="3305175"/>
          <p14:tracePt t="26302" x="1028700" y="3314700"/>
          <p14:tracePt t="26315" x="1028700" y="3322638"/>
          <p14:tracePt t="26336" x="1019175" y="3330575"/>
          <p14:tracePt t="26363" x="1019175" y="3340100"/>
          <p14:tracePt t="26377" x="1019175" y="3348038"/>
          <p14:tracePt t="26405" x="1011238" y="3348038"/>
          <p14:tracePt t="26412" x="1011238" y="3355975"/>
          <p14:tracePt t="26419" x="1003300" y="3355975"/>
          <p14:tracePt t="26426" x="1003300" y="3365500"/>
          <p14:tracePt t="26433" x="1003300" y="3373438"/>
          <p14:tracePt t="26448" x="993775" y="3382963"/>
          <p14:tracePt t="26453" x="993775" y="3390900"/>
          <p14:tracePt t="26467" x="985838" y="3390900"/>
          <p14:tracePt t="26474" x="976313" y="3398838"/>
          <p14:tracePt t="26481" x="976313" y="3408363"/>
          <p14:tracePt t="26488" x="968375" y="3424238"/>
          <p14:tracePt t="26495" x="950913" y="3449638"/>
          <p14:tracePt t="26502" x="935038" y="3484563"/>
          <p14:tracePt t="26509" x="917575" y="3517900"/>
          <p14:tracePt t="26517" x="900113" y="3568700"/>
          <p14:tracePt t="26523" x="866775" y="3603625"/>
          <p14:tracePt t="26531" x="849313" y="3636963"/>
          <p14:tracePt t="26536" x="831850" y="3662363"/>
          <p14:tracePt t="26543" x="823913" y="3697288"/>
          <p14:tracePt t="26550" x="815975" y="3722688"/>
          <p14:tracePt t="26558" x="798513" y="3756025"/>
          <p14:tracePt t="26564" x="781050" y="3781425"/>
          <p14:tracePt t="26571" x="773113" y="3806825"/>
          <p14:tracePt t="26578" x="765175" y="3832225"/>
          <p14:tracePt t="26585" x="755650" y="3849688"/>
          <p14:tracePt t="26592" x="747713" y="3875088"/>
          <p14:tracePt t="26599" x="739775" y="3883025"/>
          <p14:tracePt t="26606" x="739775" y="3892550"/>
          <p14:tracePt t="26614" x="739775" y="3900488"/>
          <p14:tracePt t="26619" x="739775" y="3908425"/>
          <p14:tracePt t="26627" x="730250" y="3908425"/>
          <p14:tracePt t="26647" x="730250" y="3917950"/>
          <p14:tracePt t="26668" x="730250" y="3925888"/>
          <p14:tracePt t="26779" x="730250" y="3917950"/>
          <p14:tracePt t="26807" x="730250" y="3908425"/>
          <p14:tracePt t="26827" x="730250" y="3900488"/>
          <p14:tracePt t="26841" x="730250" y="3892550"/>
          <p14:tracePt t="26911" x="722313" y="3892550"/>
          <p14:tracePt t="26932" x="714375" y="3892550"/>
          <p14:tracePt t="26966" x="714375" y="3900488"/>
          <p14:tracePt t="26973" x="704850" y="3900488"/>
          <p14:tracePt t="26987" x="696913" y="3908425"/>
          <p14:tracePt t="27015" x="688975" y="3917950"/>
          <p14:tracePt t="27035" x="679450" y="3925888"/>
          <p14:tracePt t="27049" x="671513" y="3925888"/>
          <p14:tracePt t="27063" x="671513" y="3935413"/>
          <p14:tracePt t="27076" x="671513" y="3943350"/>
          <p14:tracePt t="27083" x="661988" y="3951288"/>
          <p14:tracePt t="27097" x="654050" y="3960813"/>
          <p14:tracePt t="27111" x="654050" y="3968750"/>
          <p14:tracePt t="27124" x="646113" y="3976688"/>
          <p14:tracePt t="27132" x="646113" y="3986213"/>
          <p14:tracePt t="27139" x="636588" y="3986213"/>
          <p14:tracePt t="27147" x="636588" y="4002088"/>
          <p14:tracePt t="27152" x="628650" y="4011613"/>
          <p14:tracePt t="27167" x="620713" y="4019550"/>
          <p14:tracePt t="27173" x="611188" y="4027488"/>
          <p14:tracePt t="27180" x="611188" y="4037013"/>
          <p14:tracePt t="27194" x="603250" y="4044950"/>
          <p14:tracePt t="27200" x="603250" y="4052888"/>
          <p14:tracePt t="27208" x="595313" y="4052888"/>
          <p14:tracePt t="27215" x="595313" y="4062413"/>
          <p14:tracePt t="27222" x="595313" y="4070350"/>
          <p14:tracePt t="27229" x="585788" y="4070350"/>
          <p14:tracePt t="27244" x="585788" y="4079875"/>
          <p14:tracePt t="27485" x="585788" y="4070350"/>
          <p14:tracePt t="27575" x="585788" y="4062413"/>
          <p14:tracePt t="28017" x="585788" y="4070350"/>
          <p14:tracePt t="28038" x="585788" y="4079875"/>
          <p14:tracePt t="28066" x="585788" y="4087813"/>
          <p14:tracePt t="28073" x="585788" y="4095750"/>
          <p14:tracePt t="28086" x="585788" y="4105275"/>
          <p14:tracePt t="28093" x="585788" y="4113213"/>
          <p14:tracePt t="28100" x="585788" y="4121150"/>
          <p14:tracePt t="28107" x="585788" y="4138613"/>
          <p14:tracePt t="28115" x="585788" y="4156075"/>
          <p14:tracePt t="28121" x="585788" y="4181475"/>
          <p14:tracePt t="28128" x="577850" y="4214813"/>
          <p14:tracePt t="28135" x="577850" y="4257675"/>
          <p14:tracePt t="28142" x="577850" y="4300538"/>
          <p14:tracePt t="28149" x="569913" y="4333875"/>
          <p14:tracePt t="28156" x="569913" y="4368800"/>
          <p14:tracePt t="28163" x="560388" y="4402138"/>
          <p14:tracePt t="28169" x="552450" y="4435475"/>
          <p14:tracePt t="28177" x="552450" y="4452938"/>
          <p14:tracePt t="28183" x="552450" y="4478338"/>
          <p14:tracePt t="28192" x="552450" y="4503738"/>
          <p14:tracePt t="28201" x="552450" y="4521200"/>
          <p14:tracePt t="28206" x="552450" y="4538663"/>
          <p14:tracePt t="28217" x="552450" y="4564063"/>
          <p14:tracePt t="28220" x="552450" y="4572000"/>
          <p14:tracePt t="28226" x="552450" y="4589463"/>
          <p14:tracePt t="28233" x="552450" y="4605338"/>
          <p14:tracePt t="28240" x="552450" y="4622800"/>
          <p14:tracePt t="28250" x="552450" y="4640263"/>
          <p14:tracePt t="28253" x="552450" y="4648200"/>
          <p14:tracePt t="28267" x="552450" y="4665663"/>
          <p14:tracePt t="28274" x="560388" y="4673600"/>
          <p14:tracePt t="28282" x="560388" y="4683125"/>
          <p14:tracePt t="28288" x="560388" y="4691063"/>
          <p14:tracePt t="28295" x="569913" y="4691063"/>
          <p14:tracePt t="28301" x="569913" y="4708525"/>
          <p14:tracePt t="28309" x="577850" y="4724400"/>
          <p14:tracePt t="28322" x="577850" y="4733925"/>
          <p14:tracePt t="28332" x="577850" y="4741863"/>
          <p14:tracePt t="28343" x="585788" y="4749800"/>
          <p14:tracePt t="28357" x="595313" y="4759325"/>
          <p14:tracePt t="28364" x="603250" y="4775200"/>
          <p14:tracePt t="28378" x="611188" y="4784725"/>
          <p14:tracePt t="28386" x="620713" y="4802188"/>
          <p14:tracePt t="28391" x="628650" y="4818063"/>
          <p14:tracePt t="28398" x="636588" y="4835525"/>
          <p14:tracePt t="28405" x="646113" y="4852988"/>
          <p14:tracePt t="28412" x="661988" y="4868863"/>
          <p14:tracePt t="28419" x="679450" y="4878388"/>
          <p14:tracePt t="28426" x="688975" y="4903788"/>
          <p14:tracePt t="28433" x="704850" y="4929188"/>
          <p14:tracePt t="28440" x="714375" y="4946650"/>
          <p14:tracePt t="28447" x="730250" y="4962525"/>
          <p14:tracePt t="28453" x="755650" y="4997450"/>
          <p14:tracePt t="28460" x="790575" y="5038725"/>
          <p14:tracePt t="28467" x="823913" y="5073650"/>
          <p14:tracePt t="28474" x="849313" y="5099050"/>
          <p14:tracePt t="28481" x="892175" y="5141913"/>
          <p14:tracePt t="28488" x="909638" y="5167313"/>
          <p14:tracePt t="28496" x="942975" y="5200650"/>
          <p14:tracePt t="28502" x="968375" y="5226050"/>
          <p14:tracePt t="28509" x="985838" y="5251450"/>
          <p14:tracePt t="28516" x="1003300" y="5268913"/>
          <p14:tracePt t="28523" x="1019175" y="5276850"/>
          <p14:tracePt t="28530" x="1036638" y="5294313"/>
          <p14:tracePt t="28536" x="1062038" y="5311775"/>
          <p14:tracePt t="28543" x="1069975" y="5319713"/>
          <p14:tracePt t="28550" x="1079500" y="5337175"/>
          <p14:tracePt t="28557" x="1095375" y="5345113"/>
          <p14:tracePt t="28565" x="1112838" y="5353050"/>
          <p14:tracePt t="28571" x="1120775" y="5370513"/>
          <p14:tracePt t="28579" x="1138238" y="5387975"/>
          <p14:tracePt t="28585" x="1155700" y="5395913"/>
          <p14:tracePt t="28592" x="1173163" y="5405438"/>
          <p14:tracePt t="28599" x="1198563" y="5421313"/>
          <p14:tracePt t="28606" x="1206500" y="5438775"/>
          <p14:tracePt t="28613" x="1223963" y="5456238"/>
          <p14:tracePt t="28619" x="1249363" y="5472113"/>
          <p14:tracePt t="28627" x="1274763" y="5489575"/>
          <p14:tracePt t="28633" x="1317625" y="5507038"/>
          <p14:tracePt t="28640" x="1368425" y="5532438"/>
          <p14:tracePt t="28648" x="1419225" y="5565775"/>
          <p14:tracePt t="28654" x="1503363" y="5600700"/>
          <p14:tracePt t="28661" x="1622425" y="5634038"/>
          <p14:tracePt t="28668" x="1724025" y="5651500"/>
          <p14:tracePt t="28675" x="1827213" y="5676900"/>
          <p14:tracePt t="28682" x="1936750" y="5702300"/>
          <p14:tracePt t="28689" x="2030413" y="5710238"/>
          <p14:tracePt t="28696" x="2116138" y="5710238"/>
          <p14:tracePt t="28703" x="2208213" y="5719763"/>
          <p14:tracePt t="28710" x="2301875" y="5735638"/>
          <p14:tracePt t="28716" x="2352675" y="5735638"/>
          <p14:tracePt t="28723" x="2446338" y="5745163"/>
          <p14:tracePt t="28731" x="2557463" y="5753100"/>
          <p14:tracePt t="28738" x="2616200" y="5753100"/>
          <p14:tracePt t="28744" x="2676525" y="5745163"/>
          <p14:tracePt t="28751" x="2719388" y="5735638"/>
          <p14:tracePt t="28759" x="2760663" y="5719763"/>
          <p14:tracePt t="28766" x="2795588" y="5702300"/>
          <p14:tracePt t="28772" x="2811463" y="5684838"/>
          <p14:tracePt t="28780" x="2838450" y="5668963"/>
          <p14:tracePt t="28785" x="2871788" y="5651500"/>
          <p14:tracePt t="28792" x="2897188" y="5626100"/>
          <p14:tracePt t="28799" x="2930525" y="5608638"/>
          <p14:tracePt t="28806" x="2965450" y="5591175"/>
          <p14:tracePt t="28813" x="2998788" y="5583238"/>
          <p14:tracePt t="28821" x="3024188" y="5565775"/>
          <p14:tracePt t="28828" x="3041650" y="5565775"/>
          <p14:tracePt t="28834" x="3059113" y="5557838"/>
          <p14:tracePt t="28841" x="3084513" y="5549900"/>
          <p14:tracePt t="28849" x="3100388" y="5540375"/>
          <p14:tracePt t="28856" x="3127375" y="5540375"/>
          <p14:tracePt t="28861" x="3135313" y="5540375"/>
          <p14:tracePt t="28868" x="3152775" y="5532438"/>
          <p14:tracePt t="28876" x="3178175" y="5524500"/>
          <p14:tracePt t="28883" x="3186113" y="5514975"/>
          <p14:tracePt t="28890" x="3194050" y="5507038"/>
          <p14:tracePt t="28896" x="3211513" y="5497513"/>
          <p14:tracePt t="28911" x="3219450" y="5489575"/>
          <p14:tracePt t="28917" x="3228975" y="5472113"/>
          <p14:tracePt t="28932" x="3236913" y="5472113"/>
          <p14:tracePt t="28937" x="3236913" y="5464175"/>
          <p14:tracePt t="28946" x="3236913" y="5456238"/>
          <p14:tracePt t="28959" x="3236913" y="5446713"/>
          <p14:tracePt t="28965" x="3236913" y="5438775"/>
          <p14:tracePt t="28972" x="3236913" y="5430838"/>
          <p14:tracePt t="28995" x="3236913" y="5421313"/>
          <p14:tracePt t="29000" x="3236913" y="5413375"/>
          <p14:tracePt t="29014" x="3236913" y="5405438"/>
          <p14:tracePt t="29020" x="3236913" y="5395913"/>
          <p14:tracePt t="29029" x="3236913" y="5387975"/>
          <p14:tracePt t="29042" x="3236913" y="5362575"/>
          <p14:tracePt t="29049" x="3236913" y="5353050"/>
          <p14:tracePt t="29056" x="3236913" y="5327650"/>
          <p14:tracePt t="29064" x="3236913" y="5302250"/>
          <p14:tracePt t="29069" x="3236913" y="5286375"/>
          <p14:tracePt t="29076" x="3236913" y="5268913"/>
          <p14:tracePt t="29083" x="3236913" y="5243513"/>
          <p14:tracePt t="29090" x="3236913" y="5235575"/>
          <p14:tracePt t="29098" x="3236913" y="5208588"/>
          <p14:tracePt t="29104" x="3236913" y="5192713"/>
          <p14:tracePt t="29110" x="3236913" y="5175250"/>
          <p14:tracePt t="29118" x="3236913" y="5149850"/>
          <p14:tracePt t="29125" x="3236913" y="5132388"/>
          <p14:tracePt t="29132" x="3236913" y="5099050"/>
          <p14:tracePt t="29138" x="3236913" y="5064125"/>
          <p14:tracePt t="29148" x="3228975" y="5030788"/>
          <p14:tracePt t="29152" x="3219450" y="4997450"/>
          <p14:tracePt t="29159" x="3203575" y="4962525"/>
          <p14:tracePt t="29166" x="3186113" y="4929188"/>
          <p14:tracePt t="29173" x="3160713" y="4894263"/>
          <p14:tracePt t="29180" x="3135313" y="4868863"/>
          <p14:tracePt t="29187" x="3109913" y="4843463"/>
          <p14:tracePt t="29194" x="3074988" y="4818063"/>
          <p14:tracePt t="29201" x="3016250" y="4784725"/>
          <p14:tracePt t="29208" x="2947988" y="4749800"/>
          <p14:tracePt t="29215" x="2889250" y="4724400"/>
          <p14:tracePt t="29221" x="2828925" y="4708525"/>
          <p14:tracePt t="29232" x="2778125" y="4691063"/>
          <p14:tracePt t="29235" x="2719388" y="4673600"/>
          <p14:tracePt t="29243" x="2676525" y="4665663"/>
          <p14:tracePt t="29249" x="2616200" y="4657725"/>
          <p14:tracePt t="29256" x="2565400" y="4640263"/>
          <p14:tracePt t="29263" x="2489200" y="4630738"/>
          <p14:tracePt t="29270" x="2438400" y="4630738"/>
          <p14:tracePt t="29279" x="2352675" y="4630738"/>
          <p14:tracePt t="29286" x="2251075" y="4640263"/>
          <p14:tracePt t="29292" x="2149475" y="4657725"/>
          <p14:tracePt t="29300" x="2065338" y="4665663"/>
          <p14:tracePt t="29308" x="1987550" y="4683125"/>
          <p14:tracePt t="29311" x="1911350" y="4699000"/>
          <p14:tracePt t="29318" x="1827213" y="4724400"/>
          <p14:tracePt t="29325" x="1766888" y="4733925"/>
          <p14:tracePt t="29332" x="1708150" y="4741863"/>
          <p14:tracePt t="29341" x="1665288" y="4749800"/>
          <p14:tracePt t="29350" x="1631950" y="4759325"/>
          <p14:tracePt t="29354" x="1579563" y="4759325"/>
          <p14:tracePt t="29361" x="1538288" y="4767263"/>
          <p14:tracePt t="29368" x="1512888" y="4767263"/>
          <p14:tracePt t="29375" x="1487488" y="4775200"/>
          <p14:tracePt t="29382" x="1435100" y="4784725"/>
          <p14:tracePt t="29388" x="1401763" y="4792663"/>
          <p14:tracePt t="29398" x="1368425" y="4810125"/>
          <p14:tracePt t="29403" x="1333500" y="4827588"/>
          <p14:tracePt t="29409" x="1282700" y="4852988"/>
          <p14:tracePt t="29416" x="1249363" y="4868863"/>
          <p14:tracePt t="29422" x="1214438" y="4894263"/>
          <p14:tracePt t="29430" x="1181100" y="4919663"/>
          <p14:tracePt t="29436" x="1138238" y="4954588"/>
          <p14:tracePt t="29443" x="1112838" y="4972050"/>
          <p14:tracePt t="29450" x="1095375" y="4987925"/>
          <p14:tracePt t="29457" x="1079500" y="5005388"/>
          <p14:tracePt t="29465" x="1062038" y="5013325"/>
          <p14:tracePt t="29470" x="1044575" y="5030788"/>
          <p14:tracePt t="29477" x="1036638" y="5038725"/>
          <p14:tracePt t="29484" x="1028700" y="5056188"/>
          <p14:tracePt t="29492" x="1019175" y="5081588"/>
          <p14:tracePt t="29498" x="1011238" y="5099050"/>
          <p14:tracePt t="29506" x="1003300" y="5116513"/>
          <p14:tracePt t="29513" x="993775" y="5132388"/>
          <p14:tracePt t="29519" x="993775" y="5157788"/>
          <p14:tracePt t="29526" x="993775" y="5167313"/>
          <p14:tracePt t="29533" x="985838" y="5192713"/>
          <p14:tracePt t="29540" x="976313" y="5218113"/>
          <p14:tracePt t="29547" x="976313" y="5243513"/>
          <p14:tracePt t="29554" x="968375" y="5251450"/>
          <p14:tracePt t="29561" x="968375" y="5268913"/>
          <p14:tracePt t="29568" x="960438" y="5294313"/>
          <p14:tracePt t="29575" x="960438" y="5302250"/>
          <p14:tracePt t="29582" x="960438" y="5319713"/>
          <p14:tracePt t="29589" x="950913" y="5337175"/>
          <p14:tracePt t="29597" x="942975" y="5345113"/>
          <p14:tracePt t="29603" x="935038" y="5370513"/>
          <p14:tracePt t="29610" x="925513" y="5387975"/>
          <p14:tracePt t="29618" x="917575" y="5395913"/>
          <p14:tracePt t="29623" x="909638" y="5413375"/>
          <p14:tracePt t="29630" x="900113" y="5430838"/>
          <p14:tracePt t="29637" x="892175" y="5456238"/>
          <p14:tracePt t="29644" x="874713" y="5481638"/>
          <p14:tracePt t="29651" x="858838" y="5489575"/>
          <p14:tracePt t="29658" x="849313" y="5507038"/>
          <p14:tracePt t="29665" x="849313" y="5514975"/>
          <p14:tracePt t="29672" x="841375" y="5524500"/>
          <p14:tracePt t="29680" x="831850" y="5532438"/>
          <p14:tracePt t="29685" x="823913" y="5540375"/>
          <p14:tracePt t="29693" x="815975" y="5540375"/>
          <p14:tracePt t="29699" x="806450" y="5549900"/>
          <p14:tracePt t="29713" x="798513" y="5557838"/>
          <p14:tracePt t="29720" x="798513" y="5565775"/>
          <p14:tracePt t="29727" x="790575" y="5565775"/>
          <p14:tracePt t="29734" x="781050" y="5565775"/>
          <p14:tracePt t="29741" x="781050" y="5575300"/>
          <p14:tracePt t="29749" x="773113" y="5575300"/>
          <p14:tracePt t="29755" x="773113" y="5583238"/>
          <p14:tracePt t="29763" x="765175" y="5583238"/>
          <p14:tracePt t="29768" x="755650" y="5583238"/>
          <p14:tracePt t="29782" x="755650" y="5591175"/>
          <p14:tracePt t="29803" x="755650" y="5600700"/>
          <p14:tracePt t="29817" x="755650" y="5608638"/>
          <p14:tracePt t="29873" x="765175" y="5608638"/>
          <p14:tracePt t="29879" x="773113" y="5600700"/>
          <p14:tracePt t="29886" x="781050" y="5600700"/>
          <p14:tracePt t="29893" x="790575" y="5600700"/>
          <p14:tracePt t="29900" x="798513" y="5600700"/>
          <p14:tracePt t="29907" x="815975" y="5600700"/>
          <p14:tracePt t="29914" x="831850" y="5600700"/>
          <p14:tracePt t="29920" x="841375" y="5616575"/>
          <p14:tracePt t="29934" x="858838" y="5626100"/>
          <p14:tracePt t="29936" x="874713" y="5626100"/>
          <p14:tracePt t="29943" x="874713" y="5634038"/>
          <p14:tracePt t="29951" x="892175" y="5651500"/>
          <p14:tracePt t="29958" x="900113" y="5659438"/>
          <p14:tracePt t="29962" x="909638" y="5668963"/>
          <p14:tracePt t="29969" x="909638" y="5676900"/>
          <p14:tracePt t="29976" x="917575" y="5684838"/>
          <p14:tracePt t="29982" x="925513" y="5702300"/>
          <p14:tracePt t="29989" x="935038" y="5710238"/>
          <p14:tracePt t="29998" x="935038" y="5719763"/>
          <p14:tracePt t="30004" x="942975" y="5735638"/>
          <p14:tracePt t="30011" x="942975" y="5753100"/>
          <p14:tracePt t="30017" x="950913" y="5753100"/>
          <p14:tracePt t="30024" x="950913" y="5770563"/>
          <p14:tracePt t="30031" x="950913" y="5778500"/>
          <p14:tracePt t="30039" x="950913" y="5795963"/>
          <p14:tracePt t="30046" x="950913" y="5803900"/>
          <p14:tracePt t="30052" x="950913" y="5813425"/>
          <p14:tracePt t="30063" x="950913" y="5829300"/>
          <p14:tracePt t="30066" x="950913" y="5846763"/>
          <p14:tracePt t="30074" x="942975" y="5846763"/>
          <p14:tracePt t="30085" x="942975" y="5864225"/>
          <p14:tracePt t="30088" x="942975" y="5872163"/>
          <p14:tracePt t="30100" x="942975" y="5880100"/>
          <p14:tracePt t="30107" x="935038" y="5889625"/>
          <p14:tracePt t="30128" x="935038" y="5897563"/>
          <p14:tracePt t="30135" x="935038" y="5905500"/>
          <p14:tracePt t="30142" x="935038" y="5915025"/>
          <p14:tracePt t="30190" x="935038" y="5905500"/>
          <p14:tracePt t="30197" x="935038" y="5889625"/>
          <p14:tracePt t="30204" x="942975" y="5880100"/>
          <p14:tracePt t="30211" x="960438" y="5821363"/>
          <p14:tracePt t="30217" x="942975" y="5872163"/>
          <p14:tracePt t="30565" x="960438" y="5872163"/>
          <p14:tracePt t="30571" x="985838" y="5872163"/>
          <p14:tracePt t="30578" x="1011238" y="5872163"/>
          <p14:tracePt t="30584" x="1028700" y="5872163"/>
          <p14:tracePt t="30592" x="1054100" y="5864225"/>
          <p14:tracePt t="30598" x="1079500" y="5864225"/>
          <p14:tracePt t="30606" x="1095375" y="5854700"/>
          <p14:tracePt t="30613" x="1120775" y="5854700"/>
          <p14:tracePt t="30619" x="1155700" y="5854700"/>
          <p14:tracePt t="30626" x="1173163" y="5846763"/>
          <p14:tracePt t="30633" x="1198563" y="5838825"/>
          <p14:tracePt t="30642" x="1231900" y="5829300"/>
          <p14:tracePt t="30649" x="1265238" y="5813425"/>
          <p14:tracePt t="30654" x="1317625" y="5803900"/>
          <p14:tracePt t="30661" x="1376363" y="5778500"/>
          <p14:tracePt t="30668" x="1452563" y="5761038"/>
          <p14:tracePt t="30675" x="1495425" y="5753100"/>
          <p14:tracePt t="30682" x="1546225" y="5745163"/>
          <p14:tracePt t="30689" x="1606550" y="5727700"/>
          <p14:tracePt t="30696" x="1639888" y="5719763"/>
          <p14:tracePt t="30702" x="1657350" y="5710238"/>
          <p14:tracePt t="30710" x="1690688" y="5710238"/>
          <p14:tracePt t="30716" x="1733550" y="5710238"/>
          <p14:tracePt t="30723" x="1766888" y="5702300"/>
          <p14:tracePt t="30731" x="1817688" y="5684838"/>
          <p14:tracePt t="30737" x="1878013" y="5676900"/>
          <p14:tracePt t="30744" x="1936750" y="5668963"/>
          <p14:tracePt t="30751" x="1987550" y="5668963"/>
          <p14:tracePt t="30758" x="2047875" y="5668963"/>
          <p14:tracePt t="30765" x="2081213" y="5668963"/>
          <p14:tracePt t="30772" x="2106613" y="5668963"/>
          <p14:tracePt t="30779" x="2132013" y="5668963"/>
          <p14:tracePt t="30785" x="2149475" y="5668963"/>
          <p14:tracePt t="30792" x="2174875" y="5668963"/>
          <p14:tracePt t="30806" x="2192338" y="5676900"/>
          <p14:tracePt t="30813" x="2200275" y="5676900"/>
          <p14:tracePt t="30827" x="2200275" y="5684838"/>
          <p14:tracePt t="30833" x="2208213" y="5684838"/>
          <p14:tracePt t="30847" x="2217738" y="5684838"/>
          <p14:tracePt t="30884" x="2225675" y="5684838"/>
          <p14:tracePt t="30952" x="2208213" y="5684838"/>
          <p14:tracePt t="30959" x="2200275" y="5684838"/>
          <p14:tracePt t="30967" x="2174875" y="5684838"/>
          <p14:tracePt t="30972" x="2124075" y="5684838"/>
          <p14:tracePt t="30979" x="2022475" y="5684838"/>
          <p14:tracePt t="31243" x="2047875" y="5668963"/>
          <p14:tracePt t="31251" x="2106613" y="5634038"/>
          <p14:tracePt t="31257" x="2200275" y="5591175"/>
          <p14:tracePt t="31265" x="2319338" y="5540375"/>
          <p14:tracePt t="31271" x="2446338" y="5481638"/>
          <p14:tracePt t="31277" x="2565400" y="5438775"/>
          <p14:tracePt t="31284" x="2641600" y="5395913"/>
          <p14:tracePt t="31291" x="2719388" y="5345113"/>
          <p14:tracePt t="31297" x="2795588" y="5327650"/>
          <p14:tracePt t="31305" x="2854325" y="5294313"/>
          <p14:tracePt t="31312" x="2930525" y="5276850"/>
          <p14:tracePt t="31318" x="2982913" y="5251450"/>
          <p14:tracePt t="31325" x="3016250" y="5235575"/>
          <p14:tracePt t="31332" x="3041650" y="5218113"/>
          <p14:tracePt t="31340" x="3074988" y="5208588"/>
          <p14:tracePt t="31346" x="3100388" y="5200650"/>
          <p14:tracePt t="31353" x="3117850" y="5183188"/>
          <p14:tracePt t="31361" x="3143250" y="5167313"/>
          <p14:tracePt t="31367" x="3160713" y="5149850"/>
          <p14:tracePt t="31374" x="3186113" y="5132388"/>
          <p14:tracePt t="31381" x="3219450" y="5106988"/>
          <p14:tracePt t="31388" x="3254375" y="5081588"/>
          <p14:tracePt t="31396" x="3322638" y="5048250"/>
          <p14:tracePt t="31402" x="3381375" y="5013325"/>
          <p14:tracePt t="31408" x="3457575" y="4972050"/>
          <p14:tracePt t="31416" x="3517900" y="4946650"/>
          <p14:tracePt t="31422" x="3586163" y="4911725"/>
          <p14:tracePt t="31429" x="3636963" y="4878388"/>
          <p14:tracePt t="31436" x="3703638" y="4860925"/>
          <p14:tracePt t="31444" x="3771900" y="4843463"/>
          <p14:tracePt t="31452" x="3814763" y="4827588"/>
          <p14:tracePt t="31458" x="3848100" y="4810125"/>
          <p14:tracePt t="31466" x="3890963" y="4810125"/>
          <p14:tracePt t="31473" x="3925888" y="4802188"/>
          <p14:tracePt t="31478" x="3959225" y="4792663"/>
          <p14:tracePt t="31484" x="3984625" y="4792663"/>
          <p14:tracePt t="31492" x="4010025" y="4792663"/>
          <p14:tracePt t="31498" x="4044950" y="4792663"/>
          <p14:tracePt t="31506" x="4070350" y="4784725"/>
          <p14:tracePt t="31512" x="4103688" y="4775200"/>
          <p14:tracePt t="31519" x="4137025" y="4775200"/>
          <p14:tracePt t="31527" x="4179888" y="4767263"/>
          <p14:tracePt t="31533" x="4240213" y="4749800"/>
          <p14:tracePt t="31540" x="4291013" y="4749800"/>
          <p14:tracePt t="31548" x="4341813" y="4749800"/>
          <p14:tracePt t="31554" x="4400550" y="4741863"/>
          <p14:tracePt t="31566" x="4425950" y="4741863"/>
          <p14:tracePt t="31569" x="4460875" y="4741863"/>
          <p14:tracePt t="31576" x="4486275" y="4741863"/>
          <p14:tracePt t="31583" x="4503738" y="4741863"/>
          <p14:tracePt t="31589" x="4529138" y="4741863"/>
          <p14:tracePt t="31599" x="4562475" y="4733925"/>
          <p14:tracePt t="31604" x="4595813" y="4733925"/>
          <p14:tracePt t="31609" x="4621213" y="4724400"/>
          <p14:tracePt t="31616" x="4646613" y="4724400"/>
          <p14:tracePt t="31623" x="4681538" y="4716463"/>
          <p14:tracePt t="31631" x="4724400" y="4708525"/>
          <p14:tracePt t="31636" x="4775200" y="4708525"/>
          <p14:tracePt t="31646" x="4818063" y="4699000"/>
          <p14:tracePt t="31651" x="4851400" y="4691063"/>
          <p14:tracePt t="31658" x="4884738" y="4691063"/>
          <p14:tracePt t="31664" x="4927600" y="4683125"/>
          <p14:tracePt t="31671" x="4962525" y="4673600"/>
          <p14:tracePt t="31678" x="5003800" y="4665663"/>
          <p14:tracePt t="31685" x="5064125" y="4657725"/>
          <p14:tracePt t="31692" x="5122863" y="4648200"/>
          <p14:tracePt t="31699" x="5199063" y="4640263"/>
          <p14:tracePt t="31706" x="5259388" y="4622800"/>
          <p14:tracePt t="31714" x="5310188" y="4622800"/>
          <p14:tracePt t="31720" x="5368925" y="4622800"/>
          <p14:tracePt t="31729" x="5429250" y="4622800"/>
          <p14:tracePt t="31733" x="5487988" y="4622800"/>
          <p14:tracePt t="31742" x="5530850" y="4622800"/>
          <p14:tracePt t="31750" x="5573713" y="4622800"/>
          <p14:tracePt t="31756" x="5607050" y="4622800"/>
          <p14:tracePt t="31766" x="5641975" y="4622800"/>
          <p14:tracePt t="31769" x="5657850" y="4622800"/>
          <p14:tracePt t="31776" x="5675313" y="4622800"/>
          <p14:tracePt t="31784" x="5700713" y="4622800"/>
          <p14:tracePt t="31789" x="5718175" y="4622800"/>
          <p14:tracePt t="31798" x="5743575" y="4622800"/>
          <p14:tracePt t="31803" x="5768975" y="4622800"/>
          <p14:tracePt t="31810" x="5776913" y="4622800"/>
          <p14:tracePt t="32087" x="5786438" y="4622800"/>
          <p14:tracePt t="32094" x="5819775" y="4622800"/>
          <p14:tracePt t="32101" x="5862638" y="4622800"/>
          <p14:tracePt t="32108" x="5905500" y="4630738"/>
          <p14:tracePt t="32115" x="5964238" y="4630738"/>
          <p14:tracePt t="32121" x="6024563" y="4630738"/>
          <p14:tracePt t="32128" x="6100763" y="4648200"/>
          <p14:tracePt t="32134" x="6167438" y="4648200"/>
          <p14:tracePt t="32142" x="6227763" y="4648200"/>
          <p14:tracePt t="32149" x="6286500" y="4648200"/>
          <p14:tracePt t="32156" x="6329363" y="4648200"/>
          <p14:tracePt t="32164" x="6354763" y="4648200"/>
          <p14:tracePt t="32169" x="6380163" y="4648200"/>
          <p14:tracePt t="32178" x="6405563" y="4648200"/>
          <p14:tracePt t="32183" x="6415088" y="4648200"/>
          <p14:tracePt t="32190" x="6430963" y="4648200"/>
          <p14:tracePt t="32198" x="6440488" y="4648200"/>
          <p14:tracePt t="32218" x="6448425" y="4648200"/>
          <p14:tracePt t="32239" x="6456363" y="4648200"/>
          <p14:tracePt t="32246" x="6465888" y="4640263"/>
          <p14:tracePt t="32266" x="6473825" y="4640263"/>
          <p14:tracePt t="32273" x="6483350" y="4640263"/>
          <p14:tracePt t="32287" x="6491288" y="4640263"/>
          <p14:tracePt t="32296" x="6508750" y="4630738"/>
          <p14:tracePt t="32309" x="6524625" y="4622800"/>
          <p14:tracePt t="32316" x="6534150" y="4622800"/>
          <p14:tracePt t="32321" x="6542088" y="4614863"/>
          <p14:tracePt t="32330" x="6559550" y="4614863"/>
          <p14:tracePt t="32335" x="6567488" y="4614863"/>
          <p14:tracePt t="32343" x="6575425" y="4614863"/>
          <p14:tracePt t="32349" x="6584950" y="4614863"/>
          <p14:tracePt t="32357" x="6592888" y="4605338"/>
          <p14:tracePt t="32364" x="6610350" y="4605338"/>
          <p14:tracePt t="32370" x="6618288" y="4605338"/>
          <p14:tracePt t="32379" x="6626225" y="4605338"/>
          <p14:tracePt t="32384" x="6643688" y="4605338"/>
          <p14:tracePt t="32398" x="6661150" y="4605338"/>
          <p14:tracePt t="32405" x="6678613" y="4605338"/>
          <p14:tracePt t="32412" x="6686550" y="4597400"/>
          <p14:tracePt t="32419" x="6704013" y="4597400"/>
          <p14:tracePt t="32426" x="6711950" y="4597400"/>
          <p14:tracePt t="32432" x="6729413" y="4589463"/>
          <p14:tracePt t="32439" x="6745288" y="4589463"/>
          <p14:tracePt t="32447" x="6745288" y="4579938"/>
          <p14:tracePt t="32454" x="6762750" y="4579938"/>
          <p14:tracePt t="32462" x="6780213" y="4579938"/>
          <p14:tracePt t="32467" x="6788150" y="4579938"/>
          <p14:tracePt t="32474" x="6797675" y="4579938"/>
          <p14:tracePt t="32481" x="6805613" y="4579938"/>
          <p14:tracePt t="32488" x="6813550" y="4579938"/>
          <p14:tracePt t="32495" x="6823075" y="4579938"/>
          <p14:tracePt t="32502" x="6831013" y="4579938"/>
          <p14:tracePt t="32551" x="6805613" y="4579938"/>
          <p14:tracePt t="32557" x="6737350" y="4597400"/>
          <p14:tracePt t="32563" x="6805613" y="4579938"/>
          <p14:tracePt t="32814" x="6848475" y="4579938"/>
          <p14:tracePt t="32820" x="6889750" y="4579938"/>
          <p14:tracePt t="32829" x="6932613" y="4579938"/>
          <p14:tracePt t="32833" x="6967538" y="4579938"/>
          <p14:tracePt t="32841" x="7008813" y="4579938"/>
          <p14:tracePt t="32847" x="7059613" y="4589463"/>
          <p14:tracePt t="32855" x="7102475" y="4589463"/>
          <p14:tracePt t="32862" x="7137400" y="4589463"/>
          <p14:tracePt t="32868" x="7178675" y="4597400"/>
          <p14:tracePt t="32875" x="7213600" y="4597400"/>
          <p14:tracePt t="32882" x="7239000" y="4597400"/>
          <p14:tracePt t="32890" x="7272338" y="4597400"/>
          <p14:tracePt t="32897" x="7297738" y="4605338"/>
          <p14:tracePt t="32903" x="7332663" y="4605338"/>
          <p14:tracePt t="32910" x="7348538" y="4605338"/>
          <p14:tracePt t="32916" x="7373938" y="4614863"/>
          <p14:tracePt t="32924" x="7400925" y="4614863"/>
          <p14:tracePt t="32931" x="7416800" y="4622800"/>
          <p14:tracePt t="32938" x="7442200" y="4622800"/>
          <p14:tracePt t="32945" x="7467600" y="4622800"/>
          <p14:tracePt t="32951" x="7485063" y="4622800"/>
          <p14:tracePt t="32958" x="7518400" y="4622800"/>
          <p14:tracePt t="32965" x="7545388" y="4630738"/>
          <p14:tracePt t="32972" x="7578725" y="4630738"/>
          <p14:tracePt t="32980" x="7596188" y="4630738"/>
          <p14:tracePt t="32986" x="7629525" y="4630738"/>
          <p14:tracePt t="32995" x="7662863" y="4630738"/>
          <p14:tracePt t="33000" x="7688263" y="4630738"/>
          <p14:tracePt t="33007" x="7715250" y="4630738"/>
          <p14:tracePt t="33014" x="7740650" y="4630738"/>
          <p14:tracePt t="33021" x="7781925" y="4630738"/>
          <p14:tracePt t="33030" x="7842250" y="4640263"/>
          <p14:tracePt t="33035" x="7885113" y="4640263"/>
          <p14:tracePt t="33042" x="7926388" y="4648200"/>
          <p14:tracePt t="33049" x="7961313" y="4648200"/>
          <p14:tracePt t="33055" x="7994650" y="4657725"/>
          <p14:tracePt t="33063" x="8029575" y="4657725"/>
          <p14:tracePt t="33080" x="8113713" y="4657725"/>
          <p14:tracePt t="33085" x="8156575" y="4665663"/>
          <p14:tracePt t="33091" x="8207375" y="4665663"/>
          <p14:tracePt t="33100" x="8266113" y="4673600"/>
          <p14:tracePt t="33106" x="8308975" y="4673600"/>
          <p14:tracePt t="33113" x="8351838" y="4673600"/>
          <p14:tracePt t="33118" x="8385175" y="4683125"/>
          <p14:tracePt t="33125" x="8402638" y="4683125"/>
          <p14:tracePt t="33131" x="8428038" y="4683125"/>
          <p14:tracePt t="33138" x="8453438" y="4683125"/>
          <p14:tracePt t="33145" x="8462963" y="4683125"/>
          <p14:tracePt t="33153" x="8488363" y="4683125"/>
          <p14:tracePt t="33159" x="8513763" y="4683125"/>
          <p14:tracePt t="33166" x="8529638" y="4683125"/>
          <p14:tracePt t="33174" x="8555038" y="4683125"/>
          <p14:tracePt t="33180" x="8580438" y="4683125"/>
          <p14:tracePt t="33188" x="8597900" y="4691063"/>
          <p14:tracePt t="33195" x="8623300" y="4691063"/>
          <p14:tracePt t="33201" x="8658225" y="4691063"/>
          <p14:tracePt t="33208" x="8691563" y="4691063"/>
          <p14:tracePt t="33214" x="8716963" y="4691063"/>
          <p14:tracePt t="33221" x="8742363" y="4691063"/>
          <p14:tracePt t="33229" x="8767763" y="4691063"/>
          <p14:tracePt t="33235" x="8793163" y="4691063"/>
          <p14:tracePt t="33242" x="8828088" y="4691063"/>
          <p14:tracePt t="33249" x="8853488" y="4691063"/>
          <p14:tracePt t="33256" x="8886825" y="4691063"/>
          <p14:tracePt t="33263" x="8904288" y="4691063"/>
          <p14:tracePt t="33270" x="8921750" y="4691063"/>
          <p14:tracePt t="33278" x="8929688" y="4691063"/>
          <p14:tracePt t="33283" x="8955088" y="4691063"/>
          <p14:tracePt t="33291" x="8972550" y="4691063"/>
          <p14:tracePt t="33304" x="8980488" y="4691063"/>
          <p14:tracePt t="33312" x="8997950" y="4691063"/>
          <p14:tracePt t="33332" x="9005888" y="4691063"/>
          <p14:tracePt t="33339" x="9013825" y="4691063"/>
          <p14:tracePt t="33353" x="9023350" y="4691063"/>
          <p14:tracePt t="33362" x="9031288" y="4691063"/>
          <p14:tracePt t="33367" x="9039225" y="4691063"/>
          <p14:tracePt t="33388" x="9048750" y="4691063"/>
          <p14:tracePt t="33395" x="9056688" y="4691063"/>
          <p14:tracePt t="33409" x="9056688" y="4699000"/>
          <p14:tracePt t="33415" x="9064625" y="4699000"/>
          <p14:tracePt t="33422" x="9064625" y="4708525"/>
          <p14:tracePt t="33430" x="9074150" y="4708525"/>
          <p14:tracePt t="33443" x="9082088" y="4716463"/>
          <p14:tracePt t="33450" x="9082088" y="4724400"/>
          <p14:tracePt t="33457" x="9091613" y="4724400"/>
          <p14:tracePt t="33464" x="9099550" y="4733925"/>
          <p14:tracePt t="33470" x="9099550" y="4741863"/>
          <p14:tracePt t="33478" x="9107488" y="4749800"/>
          <p14:tracePt t="33484" x="9124950" y="4749800"/>
          <p14:tracePt t="33491" x="9132888" y="4767263"/>
          <p14:tracePt t="33498" x="9150350" y="4784725"/>
          <p14:tracePt t="33505" x="9167813" y="4802188"/>
          <p14:tracePt t="33513" x="9183688" y="4810125"/>
          <p14:tracePt t="33519" x="9201150" y="4818063"/>
          <p14:tracePt t="33526" x="9201150" y="4827588"/>
          <p14:tracePt t="33533" x="9218613" y="4843463"/>
          <p14:tracePt t="33542" x="9226550" y="4843463"/>
          <p14:tracePt t="33549" x="9226550" y="4852988"/>
          <p14:tracePt t="33557" x="9226550" y="4860925"/>
          <p14:tracePt t="33567" x="9236075" y="4868863"/>
          <p14:tracePt t="33574" x="9236075" y="4878388"/>
          <p14:tracePt t="33581" x="9236075" y="4886325"/>
          <p14:tracePt t="33595" x="9236075" y="4894263"/>
          <p14:tracePt t="33602" x="9236075" y="4903788"/>
          <p14:tracePt t="33616" x="9236075" y="4911725"/>
          <p14:tracePt t="33630" x="9236075" y="4919663"/>
          <p14:tracePt t="33637" x="9236075" y="4929188"/>
          <p14:tracePt t="33650" x="9236075" y="4937125"/>
          <p14:tracePt t="33657" x="9236075" y="4946650"/>
          <p14:tracePt t="33671" x="9236075" y="4954588"/>
          <p14:tracePt t="33685" x="9226550" y="4962525"/>
          <p14:tracePt t="33692" x="9209088" y="4972050"/>
          <p14:tracePt t="33698" x="9193213" y="4979988"/>
          <p14:tracePt t="33705" x="9183688" y="4979988"/>
          <p14:tracePt t="33713" x="9167813" y="4997450"/>
          <p14:tracePt t="33719" x="9150350" y="5005388"/>
          <p14:tracePt t="33726" x="9142413" y="5013325"/>
          <p14:tracePt t="33733" x="9124950" y="5022850"/>
          <p14:tracePt t="33741" x="9117013" y="5022850"/>
          <p14:tracePt t="33747" x="9107488" y="5030788"/>
          <p14:tracePt t="33754" x="9099550" y="5038725"/>
          <p14:tracePt t="33762" x="9082088" y="5048250"/>
          <p14:tracePt t="33776" x="9074150" y="5048250"/>
          <p14:tracePt t="33782" x="9064625" y="5056188"/>
          <p14:tracePt t="33789" x="9056688" y="5056188"/>
          <p14:tracePt t="33796" x="9048750" y="5056188"/>
          <p14:tracePt t="33802" x="9039225" y="5064125"/>
          <p14:tracePt t="33817" x="9031288" y="5073650"/>
          <p14:tracePt t="33824" x="9023350" y="5073650"/>
          <p14:tracePt t="33844" x="9013825" y="5073650"/>
          <p14:tracePt t="33851" x="9005888" y="5081588"/>
          <p14:tracePt t="33858" x="8997950" y="5081588"/>
          <p14:tracePt t="33865" x="8997950" y="5091113"/>
          <p14:tracePt t="33872" x="8988425" y="5091113"/>
          <p14:tracePt t="33886" x="8980488" y="5091113"/>
          <p14:tracePt t="33900" x="8980488" y="5099050"/>
          <p14:tracePt t="33907" x="8972550" y="5106988"/>
          <p14:tracePt t="33914" x="8963025" y="5116513"/>
          <p14:tracePt t="33928" x="8955088" y="5124450"/>
          <p14:tracePt t="33934" x="8955088" y="5132388"/>
          <p14:tracePt t="33941" x="8947150" y="5132388"/>
          <p14:tracePt t="33948" x="8937625" y="5132388"/>
          <p14:tracePt t="33955" x="8937625" y="5141913"/>
          <p14:tracePt t="33962" x="8929688" y="5157788"/>
          <p14:tracePt t="33976" x="8921750" y="5167313"/>
          <p14:tracePt t="33983" x="8912225" y="5175250"/>
          <p14:tracePt t="33998" x="8904288" y="5183188"/>
          <p14:tracePt t="34004" x="8894763" y="5192713"/>
          <p14:tracePt t="34011" x="8894763" y="5200650"/>
          <p14:tracePt t="34017" x="8886825" y="5200650"/>
          <p14:tracePt t="34031" x="8886825" y="5208588"/>
          <p14:tracePt t="34038" x="8886825" y="5218113"/>
          <p14:tracePt t="34052" x="8878888" y="5218113"/>
          <p14:tracePt t="34079" x="8869363" y="5226050"/>
          <p14:tracePt t="34081" x="8869363" y="5235575"/>
          <p14:tracePt t="34107" x="8869363" y="5243513"/>
          <p14:tracePt t="34281" x="8878888" y="5243513"/>
          <p14:tracePt t="34385" x="8878888" y="5251450"/>
          <p14:tracePt t="34399" x="8878888" y="5260975"/>
          <p14:tracePt t="34419" x="8878888" y="5268913"/>
          <p14:tracePt t="34426" x="8878888" y="5276850"/>
          <p14:tracePt t="34432" x="8878888" y="5286375"/>
          <p14:tracePt t="34446" x="8878888" y="5311775"/>
          <p14:tracePt t="34453" x="8878888" y="5319713"/>
          <p14:tracePt t="34461" x="8869363" y="5353050"/>
          <p14:tracePt t="34467" x="8861425" y="5380038"/>
          <p14:tracePt t="34474" x="8853488" y="5413375"/>
          <p14:tracePt t="34481" x="8843963" y="5430838"/>
          <p14:tracePt t="34488" x="8836025" y="5456238"/>
          <p14:tracePt t="34495" x="8836025" y="5481638"/>
          <p14:tracePt t="34502" x="8828088" y="5507038"/>
          <p14:tracePt t="34509" x="8818563" y="5524500"/>
          <p14:tracePt t="34516" x="8818563" y="5540375"/>
          <p14:tracePt t="34523" x="8818563" y="5565775"/>
          <p14:tracePt t="34529" x="8818563" y="5575300"/>
          <p14:tracePt t="34536" x="8818563" y="5591175"/>
          <p14:tracePt t="34544" x="8810625" y="5608638"/>
          <p14:tracePt t="34550" x="8810625" y="5616575"/>
          <p14:tracePt t="34557" x="8802688" y="5641975"/>
          <p14:tracePt t="34564" x="8802688" y="5651500"/>
          <p14:tracePt t="34571" x="8793163" y="5659438"/>
          <p14:tracePt t="34578" x="8793163" y="5676900"/>
          <p14:tracePt t="34585" x="8785225" y="5694363"/>
          <p14:tracePt t="34599" x="8777288" y="5710238"/>
          <p14:tracePt t="34606" x="8777288" y="5719763"/>
          <p14:tracePt t="34613" x="8767763" y="5719763"/>
          <p14:tracePt t="34619" x="8767763" y="5727700"/>
          <p14:tracePt t="34629" x="8759825" y="5735638"/>
          <p14:tracePt t="34647" x="8750300" y="5745163"/>
          <p14:tracePt t="34661" x="8742363" y="5753100"/>
          <p14:tracePt t="34675" x="8734425" y="5761038"/>
          <p14:tracePt t="34711" x="8734425" y="5770563"/>
          <p14:tracePt t="34724" x="8724900" y="5778500"/>
          <p14:tracePt t="34800" x="8716963" y="5778500"/>
          <p14:tracePt t="34827" x="8716963" y="5788025"/>
          <p14:tracePt t="34841" x="8709025" y="5788025"/>
          <p14:tracePt t="34855" x="8699500" y="5788025"/>
          <p14:tracePt t="34862" x="8691563" y="5788025"/>
          <p14:tracePt t="34876" x="8683625" y="5788025"/>
          <p14:tracePt t="34890" x="8674100" y="5788025"/>
          <p14:tracePt t="34897" x="8666163" y="5788025"/>
          <p14:tracePt t="34903" x="8658225" y="5788025"/>
          <p14:tracePt t="34911" x="8648700" y="5778500"/>
          <p14:tracePt t="34917" x="8640763" y="5778500"/>
          <p14:tracePt t="34924" x="8632825" y="5770563"/>
          <p14:tracePt t="34930" x="8623300" y="5770563"/>
          <p14:tracePt t="34938" x="8615363" y="5770563"/>
          <p14:tracePt t="34945" x="8605838" y="5770563"/>
          <p14:tracePt t="34951" x="8597900" y="5770563"/>
          <p14:tracePt t="34959" x="8589963" y="5761038"/>
          <p14:tracePt t="34965" x="8580438" y="5761038"/>
          <p14:tracePt t="34972" x="8572500" y="5753100"/>
          <p14:tracePt t="34980" x="8555038" y="5745163"/>
          <p14:tracePt t="34986" x="8529638" y="5745163"/>
          <p14:tracePt t="34996" x="8513763" y="5735638"/>
          <p14:tracePt t="34999" x="8478838" y="5727700"/>
          <p14:tracePt t="35008" x="8445500" y="5727700"/>
          <p14:tracePt t="35016" x="8410575" y="5727700"/>
          <p14:tracePt t="35025" x="8369300" y="5727700"/>
          <p14:tracePt t="35031" x="8308975" y="5727700"/>
          <p14:tracePt t="35035" x="8250238" y="5727700"/>
          <p14:tracePt t="35042" x="8164513" y="5727700"/>
          <p14:tracePt t="35049" x="8070850" y="5727700"/>
          <p14:tracePt t="35056" x="7969250" y="5727700"/>
          <p14:tracePt t="35063" x="7859713" y="5727700"/>
          <p14:tracePt t="35078" x="7629525" y="5702300"/>
          <p14:tracePt t="35083" x="7510463" y="5694363"/>
          <p14:tracePt t="35090" x="7400925" y="5668963"/>
          <p14:tracePt t="35098" x="7281863" y="5651500"/>
          <p14:tracePt t="35104" x="7196138" y="5634038"/>
          <p14:tracePt t="35111" x="7119938" y="5616575"/>
          <p14:tracePt t="35118" x="7051675" y="5608638"/>
          <p14:tracePt t="35125" x="6975475" y="5608638"/>
          <p14:tracePt t="35131" x="6915150" y="5591175"/>
          <p14:tracePt t="35139" x="6848475" y="5591175"/>
          <p14:tracePt t="35146" x="6762750" y="5583238"/>
          <p14:tracePt t="35152" x="6686550" y="5575300"/>
          <p14:tracePt t="35161" x="6610350" y="5549900"/>
          <p14:tracePt t="35166" x="6524625" y="5532438"/>
          <p14:tracePt t="35173" x="6448425" y="5524500"/>
          <p14:tracePt t="35180" x="6380163" y="5497513"/>
          <p14:tracePt t="35188" x="6303963" y="5489575"/>
          <p14:tracePt t="35195" x="6245225" y="5464175"/>
          <p14:tracePt t="35200" x="6194425" y="5446713"/>
          <p14:tracePt t="35209" x="6142038" y="5430838"/>
          <p14:tracePt t="35215" x="6100763" y="5421313"/>
          <p14:tracePt t="35222" x="6065838" y="5413375"/>
          <p14:tracePt t="35229" x="6032500" y="5405438"/>
          <p14:tracePt t="35236" x="5989638" y="5395913"/>
          <p14:tracePt t="35244" x="5956300" y="5387975"/>
          <p14:tracePt t="35249" x="5913438" y="5387975"/>
          <p14:tracePt t="35257" x="5888038" y="5380038"/>
          <p14:tracePt t="35263" x="5862638" y="5380038"/>
          <p14:tracePt t="35271" x="5853113" y="5380038"/>
          <p14:tracePt t="35278" x="5827713" y="5380038"/>
          <p14:tracePt t="35284" x="5819775" y="5380038"/>
          <p14:tracePt t="35291" x="5802313" y="5380038"/>
          <p14:tracePt t="35298" x="5786438" y="5370513"/>
          <p14:tracePt t="35312" x="5768975" y="5370513"/>
          <p14:tracePt t="35319" x="5751513" y="5370513"/>
          <p14:tracePt t="35326" x="5743575" y="5370513"/>
          <p14:tracePt t="35333" x="5726113" y="5370513"/>
          <p14:tracePt t="35340" x="5718175" y="5370513"/>
          <p14:tracePt t="35347" x="5700713" y="5370513"/>
          <p14:tracePt t="35354" x="5683250" y="5370513"/>
          <p14:tracePt t="35363" x="5667375" y="5370513"/>
          <p14:tracePt t="35367" x="5649913" y="5370513"/>
          <p14:tracePt t="35374" x="5632450" y="5370513"/>
          <p14:tracePt t="35381" x="5624513" y="5380038"/>
          <p14:tracePt t="35389" x="5607050" y="5380038"/>
          <p14:tracePt t="35395" x="5591175" y="5387975"/>
          <p14:tracePt t="35402" x="5581650" y="5387975"/>
          <p14:tracePt t="35412" x="5556250" y="5395913"/>
          <p14:tracePt t="35416" x="5538788" y="5395913"/>
          <p14:tracePt t="35423" x="5538788" y="5405438"/>
          <p14:tracePt t="35430" x="5530850" y="5405438"/>
          <p14:tracePt t="35437" x="5522913" y="5405438"/>
          <p14:tracePt t="35445" x="5522913" y="5413375"/>
          <p14:tracePt t="35450" x="5513388" y="5413375"/>
          <p14:tracePt t="35457" x="5513388" y="5421313"/>
          <p14:tracePt t="35465" x="5505450" y="5421313"/>
          <p14:tracePt t="35471" x="5497513" y="5421313"/>
          <p14:tracePt t="35485" x="5487988" y="5421313"/>
          <p14:tracePt t="35492" x="5480050" y="5430838"/>
          <p14:tracePt t="35506" x="5480050" y="5438775"/>
          <p14:tracePt t="35513" x="5472113" y="5438775"/>
          <p14:tracePt t="35519" x="5462588" y="5438775"/>
          <p14:tracePt t="35528" x="5454650" y="5438775"/>
          <p14:tracePt t="35533" x="5454650" y="5446713"/>
          <p14:tracePt t="35540" x="5446713" y="5456238"/>
          <p14:tracePt t="35547" x="5437188" y="5464175"/>
          <p14:tracePt t="35560" x="5429250" y="5464175"/>
          <p14:tracePt t="35567" x="5421313" y="5472113"/>
          <p14:tracePt t="35574" x="5411788" y="5481638"/>
          <p14:tracePt t="35581" x="5403850" y="5481638"/>
          <p14:tracePt t="35588" x="5394325" y="5489575"/>
          <p14:tracePt t="35596" x="5386388" y="5497513"/>
          <p14:tracePt t="35604" x="5386388" y="5507038"/>
          <p14:tracePt t="35615" x="5378450" y="5507038"/>
          <p14:tracePt t="35624" x="5368925" y="5507038"/>
          <p14:tracePt t="35632" x="5368925" y="5514975"/>
          <p14:tracePt t="35646" x="5360988" y="5524500"/>
          <p14:tracePt t="35659" x="5353050" y="5524500"/>
          <p14:tracePt t="35672" x="5353050" y="5532438"/>
          <p14:tracePt t="35707" x="5343525" y="5532438"/>
          <p14:tracePt t="35713" x="5343525" y="5524500"/>
          <p14:tracePt t="35720" x="5343525" y="5497513"/>
          <p14:tracePt t="35728" x="5343525" y="5514975"/>
          <p14:tracePt t="45131" x="5368925" y="5514975"/>
          <p14:tracePt t="45138" x="5421313" y="5507038"/>
          <p14:tracePt t="45145" x="5446713" y="5507038"/>
          <p14:tracePt t="45152" x="5480050" y="5507038"/>
          <p14:tracePt t="45159" x="5505450" y="5507038"/>
          <p14:tracePt t="45166" x="5513388" y="5507038"/>
          <p14:tracePt t="45174" x="5530850" y="5507038"/>
          <p14:tracePt t="45180" x="5556250" y="5507038"/>
          <p14:tracePt t="45193" x="5573713" y="5507038"/>
          <p14:tracePt t="45200" x="5591175" y="5507038"/>
          <p14:tracePt t="45214" x="5599113" y="5514975"/>
          <p14:tracePt t="45221" x="5599113" y="5524500"/>
          <p14:tracePt t="45228" x="5607050" y="5532438"/>
          <p14:tracePt t="45235" x="5616575" y="5540375"/>
          <p14:tracePt t="45242" x="5616575" y="5557838"/>
          <p14:tracePt t="45249" x="5616575" y="5575300"/>
          <p14:tracePt t="45256" x="5616575" y="5600700"/>
          <p14:tracePt t="45262" x="5616575" y="5616575"/>
          <p14:tracePt t="45270" x="5616575" y="5634038"/>
          <p14:tracePt t="45277" x="5616575" y="5659438"/>
          <p14:tracePt t="45284" x="5616575" y="5684838"/>
          <p14:tracePt t="45292" x="5616575" y="5710238"/>
          <p14:tracePt t="45297" x="5616575" y="5727700"/>
          <p14:tracePt t="45304" x="5616575" y="5753100"/>
          <p14:tracePt t="45311" x="5616575" y="5770563"/>
          <p14:tracePt t="45319" x="5616575" y="5788025"/>
          <p14:tracePt t="45325" x="5607050" y="5821363"/>
          <p14:tracePt t="45332" x="5607050" y="5846763"/>
          <p14:tracePt t="45341" x="5607050" y="5864225"/>
          <p14:tracePt t="45346" x="5607050" y="5897563"/>
          <p14:tracePt t="45353" x="5599113" y="5932488"/>
          <p14:tracePt t="45360" x="5581650" y="5973763"/>
          <p14:tracePt t="45367" x="5573713" y="6024563"/>
          <p14:tracePt t="45374" x="5565775" y="6059488"/>
          <p14:tracePt t="45381" x="5565775" y="6076950"/>
          <p14:tracePt t="45388" x="5556250" y="6102350"/>
          <p14:tracePt t="45394" x="5556250" y="6118225"/>
          <p14:tracePt t="45401" x="5556250" y="6127750"/>
          <p14:tracePt t="45408" x="5548313" y="6143625"/>
          <p14:tracePt t="45415" x="5548313" y="6153150"/>
          <p14:tracePt t="45422" x="5548313" y="6161088"/>
          <p14:tracePt t="45429" x="5548313" y="6178550"/>
          <p14:tracePt t="45443" x="5548313" y="6186488"/>
          <p14:tracePt t="45450" x="5548313" y="6194425"/>
          <p14:tracePt t="45463" x="5548313" y="6203950"/>
          <p14:tracePt t="45477" x="5548313" y="6211888"/>
          <p14:tracePt t="45485" x="5556250" y="6211888"/>
          <p14:tracePt t="45492" x="5565775" y="6221413"/>
          <p14:tracePt t="45506" x="5573713" y="6221413"/>
          <p14:tracePt t="45512" x="5581650" y="6221413"/>
          <p14:tracePt t="45526" x="5591175" y="6229350"/>
          <p14:tracePt t="45533" x="5599113" y="6229350"/>
          <p14:tracePt t="45542" x="5607050" y="6237288"/>
          <p14:tracePt t="45547" x="5616575" y="6237288"/>
          <p14:tracePt t="45553" x="5624513" y="6237288"/>
          <p14:tracePt t="45561" x="5632450" y="6246813"/>
          <p14:tracePt t="45567" x="5641975" y="6246813"/>
          <p14:tracePt t="45575" x="5649913" y="6246813"/>
          <p14:tracePt t="45581" x="5657850" y="6246813"/>
          <p14:tracePt t="45588" x="5667375" y="6246813"/>
          <p14:tracePt t="45594" x="5683250" y="6254750"/>
          <p14:tracePt t="45601" x="5692775" y="6254750"/>
          <p14:tracePt t="45608" x="5700713" y="6262688"/>
          <p14:tracePt t="45615" x="5718175" y="6262688"/>
          <p14:tracePt t="45622" x="5726113" y="6272213"/>
          <p14:tracePt t="45629" x="5735638" y="6280150"/>
          <p14:tracePt t="45636" x="5751513" y="6280150"/>
          <p14:tracePt t="45644" x="5761038" y="6288088"/>
          <p14:tracePt t="45650" x="5776913" y="6297613"/>
          <p14:tracePt t="45657" x="5802313" y="6305550"/>
          <p14:tracePt t="45664" x="5837238" y="6323013"/>
          <p14:tracePt t="45671" x="5862638" y="6338888"/>
          <p14:tracePt t="45678" x="5905500" y="6356350"/>
          <p14:tracePt t="45685" x="5946775" y="6373813"/>
          <p14:tracePt t="45692" x="6015038" y="6407150"/>
          <p14:tracePt t="45699" x="6075363" y="6416675"/>
          <p14:tracePt t="45707" x="6159500" y="6450013"/>
          <p14:tracePt t="45712" x="6261100" y="6475413"/>
          <p14:tracePt t="45720" x="6364288" y="6483350"/>
          <p14:tracePt t="45727" x="6440488" y="6500813"/>
          <p14:tracePt t="45734" x="6508750" y="6518275"/>
          <p14:tracePt t="45741" x="6567488" y="6518275"/>
          <p14:tracePt t="45747" x="6600825" y="6526213"/>
          <p14:tracePt t="45754" x="6643688" y="6526213"/>
          <p14:tracePt t="45761" x="6669088" y="6535738"/>
          <p14:tracePt t="45768" x="6704013" y="6535738"/>
          <p14:tracePt t="45775" x="6737350" y="6543675"/>
          <p14:tracePt t="45782" x="6762750" y="6543675"/>
          <p14:tracePt t="45791" x="6788150" y="6543675"/>
          <p14:tracePt t="45796" x="6813550" y="6543675"/>
          <p14:tracePt t="45803" x="6838950" y="6543675"/>
          <p14:tracePt t="45810" x="6864350" y="6543675"/>
          <p14:tracePt t="45816" x="6907213" y="6543675"/>
          <p14:tracePt t="45825" x="6967538" y="6526213"/>
          <p14:tracePt t="45831" x="7043738" y="6518275"/>
          <p14:tracePt t="45838" x="7137400" y="6518275"/>
          <p14:tracePt t="45844" x="7239000" y="6500813"/>
          <p14:tracePt t="45851" x="7340600" y="6483350"/>
          <p14:tracePt t="45859" x="7459663" y="6475413"/>
          <p14:tracePt t="45865" x="7553325" y="6467475"/>
          <p14:tracePt t="45872" x="7646988" y="6450013"/>
          <p14:tracePt t="45879" x="7731125" y="6450013"/>
          <p14:tracePt t="45886" x="7824788" y="6442075"/>
          <p14:tracePt t="45893" x="7918450" y="6432550"/>
          <p14:tracePt t="45899" x="8004175" y="6416675"/>
          <p14:tracePt t="45908" x="8105775" y="6407150"/>
          <p14:tracePt t="45913" x="8189913" y="6373813"/>
          <p14:tracePt t="45920" x="8266113" y="6365875"/>
          <p14:tracePt t="45927" x="8351838" y="6338888"/>
          <p14:tracePt t="45933" x="8410575" y="6323013"/>
          <p14:tracePt t="45940" x="8488363" y="6297613"/>
          <p14:tracePt t="45947" x="8564563" y="6272213"/>
          <p14:tracePt t="45954" x="8640763" y="6246813"/>
          <p14:tracePt t="45961" x="8699500" y="6229350"/>
          <p14:tracePt t="45969" x="8742363" y="6221413"/>
          <p14:tracePt t="45977" x="8810625" y="6194425"/>
          <p14:tracePt t="45982" x="8853488" y="6178550"/>
          <p14:tracePt t="45992" x="8904288" y="6169025"/>
          <p14:tracePt t="45997" x="8937625" y="6161088"/>
          <p14:tracePt t="46004" x="8972550" y="6143625"/>
          <p14:tracePt t="46012" x="8988425" y="6135688"/>
          <p14:tracePt t="46020" x="9013825" y="6127750"/>
          <p14:tracePt t="46025" x="9031288" y="6118225"/>
          <p14:tracePt t="46031" x="9048750" y="6110288"/>
          <p14:tracePt t="46038" x="9056688" y="6110288"/>
          <p14:tracePt t="46045" x="9064625" y="6102350"/>
          <p14:tracePt t="46052" x="9074150" y="6092825"/>
          <p14:tracePt t="46059" x="9074150" y="6084888"/>
          <p14:tracePt t="46074" x="9099550" y="6076950"/>
          <p14:tracePt t="46079" x="9099550" y="6067425"/>
          <p14:tracePt t="46087" x="9099550" y="6059488"/>
          <p14:tracePt t="46093" x="9107488" y="6049963"/>
          <p14:tracePt t="46101" x="9117013" y="6042025"/>
          <p14:tracePt t="46108" x="9124950" y="6034088"/>
          <p14:tracePt t="46114" x="9132888" y="6016625"/>
          <p14:tracePt t="46122" x="9150350" y="5991225"/>
          <p14:tracePt t="46129" x="9167813" y="5957888"/>
          <p14:tracePt t="46135" x="9193213" y="5922963"/>
          <p14:tracePt t="46144" x="9226550" y="5872163"/>
          <p14:tracePt t="46150" x="9251950" y="5821363"/>
          <p14:tracePt t="46155" x="9286875" y="5770563"/>
          <p14:tracePt t="46162" x="9302750" y="5735638"/>
          <p14:tracePt t="46170" x="9337675" y="5684838"/>
          <p14:tracePt t="46176" x="9345613" y="5668963"/>
          <p14:tracePt t="46183" x="9371013" y="5616575"/>
          <p14:tracePt t="46190" x="9371013" y="5583238"/>
          <p14:tracePt t="46197" x="9380538" y="5557838"/>
          <p14:tracePt t="46204" x="9380538" y="5532438"/>
          <p14:tracePt t="46210" x="9388475" y="5507038"/>
          <p14:tracePt t="46218" x="9388475" y="5472113"/>
          <p14:tracePt t="46224" x="9388475" y="5456238"/>
          <p14:tracePt t="46231" x="9396413" y="5421313"/>
          <p14:tracePt t="46240" x="9405938" y="5387975"/>
          <p14:tracePt t="46245" x="9413875" y="5353050"/>
          <p14:tracePt t="46253" x="9413875" y="5319713"/>
          <p14:tracePt t="46259" x="9421813" y="5268913"/>
          <p14:tracePt t="46266" x="9447213" y="5192713"/>
          <p14:tracePt t="46274" x="9456738" y="5106988"/>
          <p14:tracePt t="46280" x="9482138" y="5005388"/>
          <p14:tracePt t="46287" x="9498013" y="4903788"/>
          <p14:tracePt t="46294" x="9532938" y="4818063"/>
          <p14:tracePt t="46301" x="9558338" y="4749800"/>
          <p14:tracePt t="46307" x="9566275" y="4691063"/>
          <p14:tracePt t="46315" x="9575800" y="4673600"/>
          <p14:tracePt t="46322" x="9591675" y="4657725"/>
          <p14:tracePt t="46329" x="9591675" y="4640263"/>
          <p14:tracePt t="46336" x="9601200" y="4622800"/>
          <p14:tracePt t="46343" x="9601200" y="4614863"/>
          <p14:tracePt t="46350" x="9609138" y="4605338"/>
          <p14:tracePt t="46358" x="9609138" y="4597400"/>
          <p14:tracePt t="46370" x="9609138" y="4589463"/>
          <p14:tracePt t="46377" x="9609138" y="4579938"/>
          <p14:tracePt t="46398" x="9609138" y="4564063"/>
          <p14:tracePt t="46404" x="9609138" y="4554538"/>
          <p14:tracePt t="46411" x="9601200" y="4546600"/>
          <p14:tracePt t="46419" x="9591675" y="4529138"/>
          <p14:tracePt t="46425" x="9575800" y="4503738"/>
          <p14:tracePt t="46432" x="9558338" y="4478338"/>
          <p14:tracePt t="46441" x="9532938" y="4445000"/>
          <p14:tracePt t="46446" x="9490075" y="4410075"/>
          <p14:tracePt t="46453" x="9439275" y="4368800"/>
          <p14:tracePt t="46460" x="9380538" y="4316413"/>
          <p14:tracePt t="46467" x="9286875" y="4257675"/>
          <p14:tracePt t="46474" x="9183688" y="4206875"/>
          <p14:tracePt t="46480" x="9064625" y="4164013"/>
          <p14:tracePt t="46488" x="8947150" y="4130675"/>
          <p14:tracePt t="46494" x="8861425" y="4095750"/>
          <p14:tracePt t="46502" x="8777288" y="4087813"/>
          <p14:tracePt t="46510" x="8674100" y="4087813"/>
          <p14:tracePt t="46515" x="8572500" y="4087813"/>
          <p14:tracePt t="46522" x="8488363" y="4087813"/>
          <p14:tracePt t="46529" x="8420100" y="4087813"/>
          <p14:tracePt t="46536" x="8343900" y="4087813"/>
          <p14:tracePt t="46543" x="8283575" y="4087813"/>
          <p14:tracePt t="46551" x="8232775" y="4087813"/>
          <p14:tracePt t="46557" x="8131175" y="4087813"/>
          <p14:tracePt t="46564" x="8045450" y="4095750"/>
          <p14:tracePt t="46571" x="7943850" y="4095750"/>
          <p14:tracePt t="46578" x="7832725" y="4105275"/>
          <p14:tracePt t="46585" x="7688263" y="4121150"/>
          <p14:tracePt t="46593" x="7561263" y="4130675"/>
          <p14:tracePt t="46598" x="7459663" y="4138613"/>
          <p14:tracePt t="46605" x="7391400" y="4156075"/>
          <p14:tracePt t="46612" x="7289800" y="4189413"/>
          <p14:tracePt t="46620" x="7188200" y="4206875"/>
          <p14:tracePt t="46626" x="7112000" y="4257675"/>
          <p14:tracePt t="46633" x="7018338" y="4291013"/>
          <p14:tracePt t="46640" x="6942138" y="4333875"/>
          <p14:tracePt t="46647" x="6881813" y="4351338"/>
          <p14:tracePt t="46654" x="6805613" y="4394200"/>
          <p14:tracePt t="46661" x="6770688" y="4410075"/>
          <p14:tracePt t="46668" x="6745288" y="4427538"/>
          <p14:tracePt t="46674" x="6729413" y="4445000"/>
          <p14:tracePt t="46681" x="6704013" y="4460875"/>
          <p14:tracePt t="46689" x="6694488" y="4478338"/>
          <p14:tracePt t="46695" x="6694488" y="4486275"/>
          <p14:tracePt t="46702" x="6694488" y="4503738"/>
          <p14:tracePt t="46709" x="6694488" y="4513263"/>
          <p14:tracePt t="46716" x="6694488" y="4529138"/>
          <p14:tracePt t="46724" x="6694488" y="4554538"/>
          <p14:tracePt t="46730" x="6694488" y="4572000"/>
          <p14:tracePt t="46737" x="6686550" y="4605338"/>
          <p14:tracePt t="46744" x="6686550" y="4648200"/>
          <p14:tracePt t="46751" x="6669088" y="4724400"/>
          <p14:tracePt t="46758" x="6653213" y="4810125"/>
          <p14:tracePt t="46764" x="6635750" y="4903788"/>
          <p14:tracePt t="46771" x="6626225" y="4972050"/>
          <p14:tracePt t="46778" x="6618288" y="5048250"/>
          <p14:tracePt t="46785" x="6618288" y="5106988"/>
          <p14:tracePt t="46793" x="6618288" y="5157788"/>
          <p14:tracePt t="46799" x="6618288" y="5218113"/>
          <p14:tracePt t="46807" x="6618288" y="5294313"/>
          <p14:tracePt t="46813" x="6618288" y="5345113"/>
          <p14:tracePt t="46820" x="6618288" y="5405438"/>
          <p14:tracePt t="46826" x="6626225" y="5464175"/>
          <p14:tracePt t="46834" x="6635750" y="5514975"/>
          <p14:tracePt t="46841" x="6643688" y="5549900"/>
          <p14:tracePt t="46848" x="6661150" y="5565775"/>
          <p14:tracePt t="46854" x="6669088" y="5600700"/>
          <p14:tracePt t="46861" x="6686550" y="5626100"/>
          <p14:tracePt t="46868" x="6704013" y="5659438"/>
          <p14:tracePt t="46875" x="6729413" y="5694363"/>
          <p14:tracePt t="46882" x="6762750" y="5745163"/>
          <p14:tracePt t="46889" x="6788150" y="5788025"/>
          <p14:tracePt t="46896" x="6823075" y="5813425"/>
          <p14:tracePt t="46903" x="6848475" y="5838825"/>
          <p14:tracePt t="46910" x="6881813" y="5854700"/>
          <p14:tracePt t="46917" x="6932613" y="5872163"/>
          <p14:tracePt t="46924" x="6992938" y="5880100"/>
          <p14:tracePt t="46930" x="7069138" y="5905500"/>
          <p14:tracePt t="46938" x="7170738" y="5915025"/>
          <p14:tracePt t="46945" x="7256463" y="5915025"/>
          <p14:tracePt t="46951" x="7358063" y="5940425"/>
          <p14:tracePt t="46959" x="7467600" y="5948363"/>
          <p14:tracePt t="46965" x="7553325" y="5957888"/>
          <p14:tracePt t="46974" x="7629525" y="5973763"/>
          <p14:tracePt t="46979" x="7688263" y="5991225"/>
          <p14:tracePt t="46986" x="7731125" y="5991225"/>
          <p14:tracePt t="46992" x="7766050" y="6008688"/>
          <p14:tracePt t="47000" x="7781925" y="6016625"/>
          <p14:tracePt t="47007" x="7807325" y="6024563"/>
          <p14:tracePt t="47013" x="7816850" y="6024563"/>
          <p14:tracePt t="47021" x="7832725" y="6024563"/>
          <p14:tracePt t="47027" x="7850188" y="6034088"/>
          <p14:tracePt t="47041" x="7867650" y="6034088"/>
          <p14:tracePt t="47048" x="7885113" y="6034088"/>
          <p14:tracePt t="47055" x="7893050" y="6034088"/>
          <p14:tracePt t="47062" x="7918450" y="6034088"/>
          <p14:tracePt t="47074" x="7961313" y="6042025"/>
          <p14:tracePt t="47076" x="8004175" y="6042025"/>
          <p14:tracePt t="47083" x="8062913" y="6042025"/>
          <p14:tracePt t="47090" x="8131175" y="6042025"/>
          <p14:tracePt t="47097" x="8215313" y="6042025"/>
          <p14:tracePt t="47104" x="8291513" y="6042025"/>
          <p14:tracePt t="47110" x="8359775" y="6042025"/>
          <p14:tracePt t="47117" x="8435975" y="6034088"/>
          <p14:tracePt t="47124" x="8496300" y="6034088"/>
          <p14:tracePt t="47131" x="8539163" y="6024563"/>
          <p14:tracePt t="47139" x="8597900" y="6024563"/>
          <p14:tracePt t="47145" x="8658225" y="6024563"/>
          <p14:tracePt t="47153" x="8716963" y="6024563"/>
          <p14:tracePt t="47159" x="8759825" y="6024563"/>
          <p14:tracePt t="47166" x="8802688" y="6024563"/>
          <p14:tracePt t="47173" x="8843963" y="6024563"/>
          <p14:tracePt t="47180" x="8878888" y="6016625"/>
          <p14:tracePt t="47187" x="8921750" y="6008688"/>
          <p14:tracePt t="47194" x="8955088" y="5999163"/>
          <p14:tracePt t="47201" x="8980488" y="5991225"/>
          <p14:tracePt t="47208" x="9005888" y="5991225"/>
          <p14:tracePt t="47215" x="9013825" y="5973763"/>
          <p14:tracePt t="47221" x="9039225" y="5957888"/>
          <p14:tracePt t="47229" x="9048750" y="5948363"/>
          <p14:tracePt t="47235" x="9064625" y="5932488"/>
          <p14:tracePt t="47243" x="9082088" y="5915025"/>
          <p14:tracePt t="47249" x="9091613" y="5889625"/>
          <p14:tracePt t="47258" x="9150350" y="5846763"/>
          <p14:tracePt t="47263" x="9236075" y="5761038"/>
          <p14:tracePt t="47560" x="9236075" y="5727700"/>
          <p14:tracePt t="47567" x="9236075" y="5702300"/>
          <p14:tracePt t="47574" x="9236075" y="5641975"/>
          <p14:tracePt t="47581" x="9236075" y="5575300"/>
          <p14:tracePt t="47590" x="9236075" y="5464175"/>
          <p14:tracePt t="47595" x="9236075" y="5362575"/>
          <p14:tracePt t="47602" x="9218613" y="5260975"/>
          <p14:tracePt t="47609" x="9218613" y="5149850"/>
          <p14:tracePt t="47616" x="9209088" y="5064125"/>
          <p14:tracePt t="47623" x="9201150" y="4987925"/>
          <p14:tracePt t="47630" x="9193213" y="4929188"/>
          <p14:tracePt t="47637" x="9175750" y="4894263"/>
          <p14:tracePt t="47643" x="9158288" y="4860925"/>
          <p14:tracePt t="47652" x="9132888" y="4827588"/>
          <p14:tracePt t="47659" x="9124950" y="4802188"/>
          <p14:tracePt t="47664" x="9099550" y="4775200"/>
          <p14:tracePt t="47671" x="9074150" y="4749800"/>
          <p14:tracePt t="47678" x="9031288" y="4724400"/>
          <p14:tracePt t="47685" x="8980488" y="4683125"/>
          <p14:tracePt t="47692" x="8947150" y="4640263"/>
          <p14:tracePt t="47699" x="8894763" y="4622800"/>
          <p14:tracePt t="47707" x="8843963" y="4597400"/>
          <p14:tracePt t="47713" x="8802688" y="4572000"/>
          <p14:tracePt t="47720" x="8767763" y="4564063"/>
          <p14:tracePt t="47726" x="8724900" y="4554538"/>
          <p14:tracePt t="47733" x="8699500" y="4546600"/>
          <p14:tracePt t="47740" x="8666163" y="4546600"/>
          <p14:tracePt t="47747" x="8632825" y="4546600"/>
          <p14:tracePt t="47754" x="8605838" y="4546600"/>
          <p14:tracePt t="47761" x="8580438" y="4546600"/>
          <p14:tracePt t="47768" x="8564563" y="4546600"/>
          <p14:tracePt t="47775" x="8555038" y="4546600"/>
          <p14:tracePt t="47781" x="8539163" y="4546600"/>
          <p14:tracePt t="47790" x="8521700" y="4546600"/>
          <p14:tracePt t="47796" x="8513763" y="4554538"/>
          <p14:tracePt t="47803" x="8504238" y="4554538"/>
          <p14:tracePt t="47809" x="8496300" y="4554538"/>
          <p14:tracePt t="47816" x="8488363" y="4564063"/>
          <p14:tracePt t="47824" x="8478838" y="4564063"/>
          <p14:tracePt t="47831" x="8470900" y="4572000"/>
          <p14:tracePt t="47844" x="8462963" y="4572000"/>
          <p14:tracePt t="47851" x="8445500" y="4572000"/>
          <p14:tracePt t="47858" x="8435975" y="4589463"/>
          <p14:tracePt t="47865" x="8428038" y="4597400"/>
          <p14:tracePt t="47873" x="8410575" y="4605338"/>
          <p14:tracePt t="47878" x="8385175" y="4622800"/>
          <p14:tracePt t="47886" x="8369300" y="4640263"/>
          <p14:tracePt t="47893" x="8351838" y="4657725"/>
          <p14:tracePt t="47899" x="8326438" y="4673600"/>
          <p14:tracePt t="47907" x="8308975" y="4683125"/>
          <p14:tracePt t="47913" x="8275638" y="4699000"/>
          <p14:tracePt t="47921" x="8250238" y="4724400"/>
          <p14:tracePt t="47927" x="8215313" y="4741863"/>
          <p14:tracePt t="47935" x="8181975" y="4767263"/>
          <p14:tracePt t="47941" x="8147050" y="4792663"/>
          <p14:tracePt t="47948" x="8105775" y="4827588"/>
          <p14:tracePt t="47956" x="8070850" y="4860925"/>
          <p14:tracePt t="47962" x="8037513" y="4903788"/>
          <p14:tracePt t="47969" x="8004175" y="4937125"/>
          <p14:tracePt t="47976" x="7977188" y="4972050"/>
          <p14:tracePt t="47983" x="7943850" y="5013325"/>
          <p14:tracePt t="47990" x="7918450" y="5048250"/>
          <p14:tracePt t="47996" x="7893050" y="5073650"/>
          <p14:tracePt t="48003" x="7875588" y="5106988"/>
          <p14:tracePt t="48010" x="7867650" y="5132388"/>
          <p14:tracePt t="48017" x="7859713" y="5157788"/>
          <p14:tracePt t="48024" x="7859713" y="5167313"/>
          <p14:tracePt t="48031" x="7850188" y="5192713"/>
          <p14:tracePt t="48038" x="7842250" y="5218113"/>
          <p14:tracePt t="48044" x="7842250" y="5243513"/>
          <p14:tracePt t="48051" x="7832725" y="5268913"/>
          <p14:tracePt t="48059" x="7824788" y="5302250"/>
          <p14:tracePt t="48065" x="7824788" y="5337175"/>
          <p14:tracePt t="48074" x="7816850" y="5387975"/>
          <p14:tracePt t="48079" x="7807325" y="5421313"/>
          <p14:tracePt t="48086" x="7799388" y="5472113"/>
          <p14:tracePt t="48093" x="7791450" y="5514975"/>
          <p14:tracePt t="48100" x="7773988" y="5591175"/>
          <p14:tracePt t="48107" x="7766050" y="5651500"/>
          <p14:tracePt t="48113" x="7756525" y="5710238"/>
          <p14:tracePt t="48120" x="7748588" y="5770563"/>
          <p14:tracePt t="48127" x="7748588" y="5821363"/>
          <p14:tracePt t="48134" x="7740650" y="5880100"/>
          <p14:tracePt t="48141" x="7740650" y="5932488"/>
          <p14:tracePt t="48148" x="7740650" y="5957888"/>
          <p14:tracePt t="48157" x="7740650" y="5991225"/>
          <p14:tracePt t="48162" x="7740650" y="6024563"/>
          <p14:tracePt t="48169" x="7731125" y="6059488"/>
          <p14:tracePt t="48176" x="7731125" y="6067425"/>
          <p14:tracePt t="48184" x="7731125" y="6084888"/>
          <p14:tracePt t="48190" x="7731125" y="6092825"/>
          <p14:tracePt t="48196" x="7723188" y="6102350"/>
          <p14:tracePt t="48204" x="7723188" y="6110288"/>
          <p14:tracePt t="48210" x="7723188" y="6118225"/>
          <p14:tracePt t="48239" x="7723188" y="6127750"/>
          <p14:tracePt t="48252" x="7715250" y="6127750"/>
          <p14:tracePt t="48335" x="7715250" y="6110288"/>
          <p14:tracePt t="48342" x="7715250" y="6084888"/>
          <p14:tracePt t="48349" x="7715250" y="6067425"/>
          <p14:tracePt t="48356" x="7715250" y="6034088"/>
          <p14:tracePt t="48363" x="7715250" y="5983288"/>
          <p14:tracePt t="48370" x="7731125" y="5889625"/>
          <p14:tracePt t="51395" x="7748588" y="5854700"/>
          <p14:tracePt t="51401" x="7773988" y="5803900"/>
          <p14:tracePt t="51408" x="7791450" y="5761038"/>
          <p14:tracePt t="51414" x="7799388" y="5727700"/>
          <p14:tracePt t="51422" x="7816850" y="5702300"/>
          <p14:tracePt t="51429" x="7824788" y="5676900"/>
          <p14:tracePt t="51436" x="7842250" y="5641975"/>
          <p14:tracePt t="51442" x="7842250" y="5634038"/>
          <p14:tracePt t="51450" x="7850188" y="5608638"/>
          <p14:tracePt t="51456" x="7850188" y="5591175"/>
          <p14:tracePt t="51463" x="7859713" y="5575300"/>
          <p14:tracePt t="51472" x="7867650" y="5549900"/>
          <p14:tracePt t="51477" x="7875588" y="5532438"/>
          <p14:tracePt t="51484" x="7875588" y="5514975"/>
          <p14:tracePt t="51492" x="7885113" y="5507038"/>
          <p14:tracePt t="51497" x="7885113" y="5497513"/>
          <p14:tracePt t="51507" x="7885113" y="5489575"/>
          <p14:tracePt t="51511" x="7885113" y="5481638"/>
          <p14:tracePt t="51518" x="7885113" y="5472113"/>
          <p14:tracePt t="51525" x="7893050" y="5472113"/>
          <p14:tracePt t="51533" x="7893050" y="5464175"/>
          <p14:tracePt t="51546" x="7893050" y="5456238"/>
          <p14:tracePt t="51553" x="7893050" y="5446713"/>
          <p14:tracePt t="51567" x="7893050" y="5438775"/>
          <p14:tracePt t="51574" x="7893050" y="5430838"/>
          <p14:tracePt t="51589" x="7893050" y="5421313"/>
          <p14:tracePt t="51615" x="7893050" y="5413375"/>
          <p14:tracePt t="51629" x="7893050" y="5405438"/>
          <p14:tracePt t="51636" x="7885113" y="5405438"/>
          <p14:tracePt t="51643" x="7885113" y="5395913"/>
          <p14:tracePt t="51651" x="7885113" y="5387975"/>
          <p14:tracePt t="51665" x="7875588" y="5380038"/>
          <p14:tracePt t="51678" x="7875588" y="5370513"/>
          <p14:tracePt t="51686" x="7867650" y="5362575"/>
          <p14:tracePt t="51699" x="7859713" y="5353050"/>
          <p14:tracePt t="51707" x="7859713" y="5345113"/>
          <p14:tracePt t="51720" x="7859713" y="5337175"/>
          <p14:tracePt t="51733" x="7850188" y="5327650"/>
          <p14:tracePt t="51746" x="7850188" y="5319713"/>
          <p14:tracePt t="51755" x="7842250" y="5319713"/>
          <p14:tracePt t="51851" x="7842250" y="5327650"/>
          <p14:tracePt t="51865" x="7842250" y="5337175"/>
          <p14:tracePt t="51872" x="7842250" y="5345113"/>
          <p14:tracePt t="51879" x="7842250" y="5353050"/>
          <p14:tracePt t="51899" x="7842250" y="5362575"/>
          <p14:tracePt t="51907" x="7842250" y="5370513"/>
          <p14:tracePt t="51920" x="7842250" y="5380038"/>
          <p14:tracePt t="51927" x="7842250" y="5387975"/>
          <p14:tracePt t="51934" x="7842250" y="5395913"/>
          <p14:tracePt t="51948" x="7842250" y="5405438"/>
          <p14:tracePt t="51961" x="7842250" y="5413375"/>
          <p14:tracePt t="51976" x="7842250" y="5421313"/>
          <p14:tracePt t="51982" x="7842250" y="5430838"/>
          <p14:tracePt t="51990" x="7842250" y="5438775"/>
          <p14:tracePt t="52010" x="7842250" y="5446713"/>
          <p14:tracePt t="52017" x="7842250" y="5456238"/>
          <p14:tracePt t="52031" x="7842250" y="5464175"/>
          <p14:tracePt t="52044" x="7842250" y="5472113"/>
          <p14:tracePt t="52058" x="7842250" y="5481638"/>
          <p14:tracePt t="52086" x="7842250" y="5489575"/>
          <p14:tracePt t="52197" x="7842250" y="5481638"/>
          <p14:tracePt t="52301" x="7842250" y="5489575"/>
          <p14:tracePt t="52308" x="7842250" y="5497513"/>
          <p14:tracePt t="52315" x="7842250" y="5507038"/>
          <p14:tracePt t="52324" x="7842250" y="5514975"/>
          <p14:tracePt t="52328" x="7842250" y="5524500"/>
          <p14:tracePt t="52342" x="7842250" y="5540375"/>
          <p14:tracePt t="52349" x="7832725" y="5557838"/>
          <p14:tracePt t="52357" x="7832725" y="5575300"/>
          <p14:tracePt t="52363" x="7824788" y="5608638"/>
          <p14:tracePt t="52370" x="7824788" y="5641975"/>
          <p14:tracePt t="52377" x="7816850" y="5676900"/>
          <p14:tracePt t="52383" x="7816850" y="5702300"/>
          <p14:tracePt t="52391" x="7816850" y="5727700"/>
          <p14:tracePt t="52398" x="7807325" y="5753100"/>
          <p14:tracePt t="52408" x="7799388" y="5778500"/>
          <p14:tracePt t="52411" x="7799388" y="5795963"/>
          <p14:tracePt t="52419" x="7791450" y="5803900"/>
          <p14:tracePt t="52426" x="7791450" y="5813425"/>
          <p14:tracePt t="52431" x="7781925" y="5813425"/>
          <p14:tracePt t="52439" x="7781925" y="5829300"/>
          <p14:tracePt t="52446" x="7781925" y="5838825"/>
          <p14:tracePt t="52474" x="7781925" y="5846763"/>
          <p14:tracePt t="52480" x="7781925" y="5854700"/>
          <p14:tracePt t="52494" x="7773988" y="5864225"/>
          <p14:tracePt t="52501" x="7773988" y="5872163"/>
          <p14:tracePt t="52508" x="7773988" y="5880100"/>
          <p14:tracePt t="52529" x="7773988" y="5889625"/>
          <p14:tracePt t="52536" x="7773988" y="5897563"/>
          <p14:tracePt t="52549" x="7773988" y="5905500"/>
          <p14:tracePt t="52556" x="7773988" y="5915025"/>
          <p14:tracePt t="52573" x="7773988" y="5922963"/>
          <p14:tracePt t="52591" x="7773988" y="5932488"/>
          <p14:tracePt t="52598" x="7773988" y="5940425"/>
          <p14:tracePt t="52605" x="7766050" y="5940425"/>
          <p14:tracePt t="52611" x="7766050" y="5948363"/>
          <p14:tracePt t="52618" x="7766050" y="5957888"/>
          <p14:tracePt t="52625" x="7766050" y="5965825"/>
          <p14:tracePt t="52632" x="7756525" y="5965825"/>
          <p14:tracePt t="52639" x="7756525" y="5973763"/>
          <p14:tracePt t="52646" x="7756525" y="5991225"/>
          <p14:tracePt t="52653" x="7748588" y="6024563"/>
          <p14:tracePt t="52660" x="7748588" y="6042025"/>
          <p14:tracePt t="52666" x="7748588" y="6067425"/>
          <p14:tracePt t="52674" x="7748588" y="6092825"/>
          <p14:tracePt t="52680" x="7748588" y="6110288"/>
          <p14:tracePt t="52688" x="7748588" y="6127750"/>
          <p14:tracePt t="52694" x="7748588" y="6135688"/>
          <p14:tracePt t="52702" x="7748588" y="6153150"/>
          <p14:tracePt t="52709" x="7748588" y="6169025"/>
          <p14:tracePt t="52723" x="7748588" y="6178550"/>
          <p14:tracePt t="52729" x="7748588" y="6194425"/>
          <p14:tracePt t="52743" x="7748588" y="6203950"/>
          <p14:tracePt t="52750" x="7748588" y="6211888"/>
          <p14:tracePt t="52771" x="7748588" y="6221413"/>
          <p14:tracePt t="52778" x="7748588" y="6229350"/>
          <p14:tracePt t="52785" x="7748588" y="6237288"/>
          <p14:tracePt t="52799" x="7748588" y="6246813"/>
          <p14:tracePt t="52813" x="7748588" y="6254750"/>
          <p14:tracePt t="52848" x="7748588" y="6262688"/>
          <p14:tracePt t="52861" x="7748588" y="6272213"/>
          <p14:tracePt t="52923" x="7740650" y="6272213"/>
          <p14:tracePt t="52939" x="7731125" y="6272213"/>
          <p14:tracePt t="56343" x="7731125" y="6280150"/>
          <p14:tracePt t="56398" x="7731125" y="6288088"/>
          <p14:tracePt t="56612" x="7781925" y="6288088"/>
          <p14:tracePt t="56619" x="7850188" y="6262688"/>
          <p14:tracePt t="56625" x="7943850" y="6246813"/>
          <p14:tracePt t="56633" x="8029575" y="6237288"/>
          <p14:tracePt t="56639" x="8139113" y="6221413"/>
          <p14:tracePt t="56647" x="8266113" y="6221413"/>
          <p14:tracePt t="56654" x="8394700" y="6211888"/>
          <p14:tracePt t="56660" x="8496300" y="6203950"/>
          <p14:tracePt t="56667" x="8580438" y="6203950"/>
          <p14:tracePt t="56674" x="8666163" y="6186488"/>
          <p14:tracePt t="56681" x="8759825" y="6178550"/>
          <p14:tracePt t="56689" x="8828088" y="6178550"/>
          <p14:tracePt t="56695" x="8904288" y="6169025"/>
          <p14:tracePt t="56702" x="8963025" y="6161088"/>
          <p14:tracePt t="56709" x="9023350" y="6143625"/>
          <p14:tracePt t="56716" x="9082088" y="6135688"/>
          <p14:tracePt t="56723" x="9107488" y="6135688"/>
          <p14:tracePt t="56730" x="9132888" y="6135688"/>
          <p14:tracePt t="56737" x="9167813" y="6127750"/>
          <p14:tracePt t="56743" x="9193213" y="6127750"/>
          <p14:tracePt t="56750" x="9209088" y="6118225"/>
          <p14:tracePt t="56757" x="9226550" y="6118225"/>
          <p14:tracePt t="56764" x="9251950" y="6118225"/>
          <p14:tracePt t="56778" x="9269413" y="6110288"/>
          <p14:tracePt t="56785" x="9286875" y="6110288"/>
          <p14:tracePt t="56792" x="9286875" y="6102350"/>
          <p14:tracePt t="56799" x="9294813" y="6102350"/>
          <p14:tracePt t="56807" x="9312275" y="6092825"/>
          <p14:tracePt t="56812" x="9328150" y="6092825"/>
          <p14:tracePt t="56820" x="9345613" y="6084888"/>
          <p14:tracePt t="56826" x="9371013" y="6084888"/>
          <p14:tracePt t="56834" x="9380538" y="6076950"/>
          <p14:tracePt t="56840" x="9413875" y="6067425"/>
          <p14:tracePt t="56848" x="9439275" y="6059488"/>
          <p14:tracePt t="56854" x="9464675" y="6049963"/>
          <p14:tracePt t="56861" x="9482138" y="6049963"/>
          <p14:tracePt t="56869" x="9507538" y="6042025"/>
          <p14:tracePt t="56875" x="9532938" y="6034088"/>
          <p14:tracePt t="56883" x="9558338" y="6034088"/>
          <p14:tracePt t="56890" x="9575800" y="6024563"/>
          <p14:tracePt t="56896" x="9601200" y="6024563"/>
          <p14:tracePt t="56904" x="9626600" y="6016625"/>
          <p14:tracePt t="56909" x="9642475" y="6016625"/>
          <p14:tracePt t="56917" x="9659938" y="6008688"/>
          <p14:tracePt t="56923" x="9685338" y="6008688"/>
          <p14:tracePt t="56931" x="9694863" y="6008688"/>
          <p14:tracePt t="56938" x="9702800" y="6008688"/>
          <p14:tracePt t="56944" x="9710738" y="6008688"/>
          <p14:tracePt t="56958" x="9720263" y="6008688"/>
          <p14:tracePt t="56965" x="9728200" y="6008688"/>
          <p14:tracePt t="56972" x="9736138" y="6008688"/>
          <p14:tracePt t="56987" x="9745663" y="6008688"/>
          <p14:tracePt t="57000" x="9753600" y="6008688"/>
          <p14:tracePt t="57013" x="9761538" y="6008688"/>
          <p14:tracePt t="57021" x="9771063" y="6008688"/>
          <p14:tracePt t="57027" x="9779000" y="6008688"/>
          <p14:tracePt t="57062" x="9786938" y="6008688"/>
          <p14:tracePt t="57070" x="9796463" y="6008688"/>
          <p14:tracePt t="57104" x="9804400" y="6008688"/>
          <p14:tracePt t="57138" x="9804400" y="5999163"/>
          <p14:tracePt t="57151" x="9804400" y="5983288"/>
          <p14:tracePt t="57157" x="9804400" y="5991225"/>
          <p14:tracePt t="61616" x="9804400" y="5983288"/>
          <p14:tracePt t="61623" x="9804400" y="5973763"/>
          <p14:tracePt t="61630" x="9804400" y="5957888"/>
          <p14:tracePt t="61637" x="9804400" y="5948363"/>
          <p14:tracePt t="61643" x="9804400" y="5932488"/>
          <p14:tracePt t="61650" x="9804400" y="5915025"/>
          <p14:tracePt t="61656" x="9804400" y="5905500"/>
          <p14:tracePt t="61664" x="9804400" y="5889625"/>
          <p14:tracePt t="61671" x="9804400" y="5880100"/>
          <p14:tracePt t="61677" x="9812338" y="5854700"/>
          <p14:tracePt t="61686" x="9821863" y="5829300"/>
          <p14:tracePt t="61691" x="9829800" y="5795963"/>
          <p14:tracePt t="61698" x="9839325" y="5778500"/>
          <p14:tracePt t="61705" x="9847263" y="5761038"/>
          <p14:tracePt t="61711" x="9847263" y="5735638"/>
          <p14:tracePt t="61721" x="9855200" y="5719763"/>
          <p14:tracePt t="61729" x="9864725" y="5702300"/>
          <p14:tracePt t="61732" x="9864725" y="5694363"/>
          <p14:tracePt t="61739" x="9864725" y="5676900"/>
          <p14:tracePt t="61753" x="9864725" y="5668963"/>
          <p14:tracePt t="61770" x="9872663" y="5659438"/>
          <p14:tracePt t="61774" x="9872663" y="5651500"/>
          <p14:tracePt t="61795" x="9880600" y="5651500"/>
          <p14:tracePt t="61802" x="9880600" y="5641975"/>
          <p14:tracePt t="61816" x="9880600" y="5634038"/>
          <p14:tracePt t="61822" x="9890125" y="5634038"/>
          <p14:tracePt t="61851" x="9890125" y="5626100"/>
          <p14:tracePt t="61864" x="9898063" y="5616575"/>
          <p14:tracePt t="61878" x="9906000" y="5608638"/>
          <p14:tracePt t="61886" x="9906000" y="5600700"/>
          <p14:tracePt t="61891" x="9906000" y="5591175"/>
          <p14:tracePt t="61913" x="9915525" y="5591175"/>
          <p14:tracePt t="61920" x="9915525" y="5583238"/>
          <p14:tracePt t="61933" x="9915525" y="5575300"/>
          <p14:tracePt t="61948" x="9923463" y="5575300"/>
          <p14:tracePt t="61968" x="9923463" y="5565775"/>
          <p14:tracePt t="61974" x="9931400" y="5565775"/>
          <p14:tracePt t="61981" x="9931400" y="5557838"/>
          <p14:tracePt t="61988" x="9931400" y="5549900"/>
          <p14:tracePt t="62003" x="9931400" y="5540375"/>
          <p14:tracePt t="62009" x="9931400" y="5532438"/>
          <p14:tracePt t="62023" x="9931400" y="5524500"/>
          <p14:tracePt t="62037" x="9931400" y="5514975"/>
          <p14:tracePt t="62044" x="9931400" y="5507038"/>
          <p14:tracePt t="62070" x="9940925" y="5507038"/>
          <p14:tracePt t="62072" x="9940925" y="5497513"/>
          <p14:tracePt t="62078" x="9940925" y="5489575"/>
          <p14:tracePt t="62085" x="9948863" y="5489575"/>
          <p14:tracePt t="62113" x="9948863" y="5481638"/>
          <p14:tracePt t="62120" x="9948863" y="5472113"/>
          <p14:tracePt t="62136" x="9948863" y="5464175"/>
          <p14:tracePt t="62169" x="9948863" y="5456238"/>
          <p14:tracePt t="62183" x="9948863" y="5446713"/>
          <p14:tracePt t="62557" x="9948863" y="5438775"/>
          <p14:tracePt t="62585" x="9948863" y="5430838"/>
          <p14:tracePt t="62612" x="9956800" y="5421313"/>
          <p14:tracePt t="62639" x="9966325" y="5421313"/>
          <p14:tracePt t="78770" x="9779000" y="5302250"/>
          <p14:tracePt t="78777" x="9523413" y="5149850"/>
          <p14:tracePt t="78784" x="9302750" y="5022850"/>
          <p14:tracePt t="78790" x="9005888" y="4894263"/>
          <p14:tracePt t="78798" x="8648700" y="4741863"/>
          <p14:tracePt t="78805" x="8318500" y="4597400"/>
          <p14:tracePt t="78811" x="8012113" y="4452938"/>
          <p14:tracePt t="78819" x="7791450" y="4341813"/>
          <p14:tracePt t="78825" x="7637463" y="4291013"/>
          <p14:tracePt t="78832" x="7535863" y="4257675"/>
          <p14:tracePt t="78839" x="7459663" y="4240213"/>
          <p14:tracePt t="78847" x="7400925" y="4232275"/>
          <p14:tracePt t="78852" x="7373938" y="4224338"/>
          <p14:tracePt t="78860" x="7348538" y="4224338"/>
          <p14:tracePt t="78866" x="7323138" y="4224338"/>
          <p14:tracePt t="78880" x="7315200" y="4224338"/>
          <p14:tracePt t="78894" x="7307263" y="4224338"/>
          <p14:tracePt t="78921" x="7315200" y="4224338"/>
          <p14:tracePt t="78929" x="7315200" y="4232275"/>
          <p14:tracePt t="78935" x="7323138" y="4240213"/>
          <p14:tracePt t="78942" x="7332663" y="4240213"/>
          <p14:tracePt t="78949" x="7332663" y="4249738"/>
          <p14:tracePt t="78957" x="7340600" y="4257675"/>
          <p14:tracePt t="78970" x="7340600" y="4265613"/>
          <p14:tracePt t="78984" x="7340600" y="4275138"/>
          <p14:tracePt t="79004" x="7340600" y="4283075"/>
          <p14:tracePt t="79026" x="7332663" y="4283075"/>
          <p14:tracePt t="79034" x="7307263" y="4283075"/>
          <p14:tracePt t="79040" x="7256463" y="4283075"/>
          <p14:tracePt t="79046" x="7162800" y="4257675"/>
          <p14:tracePt t="79053" x="7026275" y="4232275"/>
          <p14:tracePt t="79060" x="6838950" y="4181475"/>
          <p14:tracePt t="79067" x="6694488" y="4146550"/>
          <p14:tracePt t="79080" x="6575425" y="4113213"/>
          <p14:tracePt t="79081" x="6499225" y="4087813"/>
          <p14:tracePt t="79087" x="6430963" y="4070350"/>
          <p14:tracePt t="79094" x="6380163" y="4044950"/>
          <p14:tracePt t="79101" x="6346825" y="4027488"/>
          <p14:tracePt t="79109" x="6311900" y="4011613"/>
          <p14:tracePt t="79116" x="6286500" y="4002088"/>
          <p14:tracePt t="79122" x="6261100" y="3994150"/>
          <p14:tracePt t="79129" x="6245225" y="3986213"/>
          <p14:tracePt t="79135" x="6235700" y="3976688"/>
          <p14:tracePt t="79143" x="6227763" y="3960813"/>
          <p14:tracePt t="79150" x="6219825" y="3943350"/>
          <p14:tracePt t="79157" x="6219825" y="3935413"/>
          <p14:tracePt t="79164" x="6210300" y="3917950"/>
          <p14:tracePt t="79170" x="6210300" y="3892550"/>
          <p14:tracePt t="79177" x="6210300" y="3883025"/>
          <p14:tracePt t="79399" x="5880100" y="3654425"/>
          <p14:tracePt t="79406" x="5454650" y="3365500"/>
          <p14:tracePt t="79413" x="5054600" y="3127375"/>
          <p14:tracePt t="79419" x="4681538" y="2914650"/>
          <p14:tracePt t="79427" x="4291013" y="2701925"/>
          <p14:tracePt t="79433" x="3865563" y="2481263"/>
          <p14:tracePt t="79442" x="3533775" y="2311400"/>
          <p14:tracePt t="79449" x="3254375" y="2174875"/>
          <p14:tracePt t="79455" x="3067050" y="2082800"/>
          <p14:tracePt t="79466" x="2947988" y="2014538"/>
          <p14:tracePt t="79469" x="2828925" y="1946275"/>
          <p14:tracePt t="79476" x="2735263" y="1885950"/>
          <p14:tracePt t="79483" x="2676525" y="1827213"/>
          <p14:tracePt t="79490" x="2651125" y="1809750"/>
          <p14:tracePt t="79499" x="2625725" y="1784350"/>
          <p14:tracePt t="79505" x="2608263" y="1758950"/>
          <p14:tracePt t="79510" x="2600325" y="1733550"/>
          <p14:tracePt t="79516" x="2600325" y="1708150"/>
          <p14:tracePt t="79531" x="2608263" y="1700213"/>
          <p14:tracePt t="79537" x="2608263" y="1690688"/>
          <p14:tracePt t="79545" x="2625725" y="1690688"/>
          <p14:tracePt t="79551" x="2641600" y="1682750"/>
          <p14:tracePt t="79564" x="2651125" y="1682750"/>
          <p14:tracePt t="79808" x="2481263" y="1563688"/>
          <p14:tracePt t="79815" x="2235200" y="1350963"/>
          <p14:tracePt t="79820" x="2005013" y="1189038"/>
          <p14:tracePt t="79828" x="1852613" y="1079500"/>
          <p14:tracePt t="79835" x="1749425" y="993775"/>
          <p14:tracePt t="79842" x="1639888" y="935038"/>
          <p14:tracePt t="79848" x="1563688" y="884238"/>
          <p14:tracePt t="79855" x="1503363" y="841375"/>
          <p14:tracePt t="79863" x="1452563" y="823913"/>
          <p14:tracePt t="79869" x="1419225" y="790575"/>
          <p14:tracePt t="79877" x="1393825" y="781050"/>
          <p14:tracePt t="79883" x="1350963" y="765175"/>
          <p14:tracePt t="79890" x="1325563" y="747713"/>
          <p14:tracePt t="79897" x="1290638" y="739775"/>
          <p14:tracePt t="79904" x="1265238" y="739775"/>
          <p14:tracePt t="79913" x="1231900" y="730250"/>
          <p14:tracePt t="79918" x="1198563" y="722313"/>
          <p14:tracePt t="79924" x="1155700" y="714375"/>
          <p14:tracePt t="79931" x="1120775" y="688975"/>
          <p14:tracePt t="79939" x="1087438" y="688975"/>
          <p14:tracePt t="79946" x="1062038" y="688975"/>
          <p14:tracePt t="79952" x="1044575" y="688975"/>
          <p14:tracePt t="79960" x="1019175" y="688975"/>
          <p14:tracePt t="79967" x="993775" y="688975"/>
          <p14:tracePt t="79974" x="976313" y="688975"/>
          <p14:tracePt t="79981" x="950913" y="688975"/>
          <p14:tracePt t="79987" x="925513" y="688975"/>
          <p14:tracePt t="79994" x="909638" y="688975"/>
          <p14:tracePt t="80001" x="884238" y="688975"/>
          <p14:tracePt t="80009" x="849313" y="688975"/>
          <p14:tracePt t="80015" x="815975" y="688975"/>
          <p14:tracePt t="80022" x="790575" y="688975"/>
          <p14:tracePt t="80029" x="755650" y="688975"/>
          <p14:tracePt t="80035" x="730250" y="679450"/>
          <p14:tracePt t="80043" x="704850" y="679450"/>
          <p14:tracePt t="80049" x="696913" y="671513"/>
          <p14:tracePt t="80057" x="679450" y="663575"/>
          <p14:tracePt t="80063" x="671513" y="654050"/>
          <p14:tracePt t="80070" x="661988" y="646113"/>
          <p14:tracePt t="80077" x="654050" y="646113"/>
          <p14:tracePt t="80084" x="646113" y="636588"/>
          <p14:tracePt t="80098" x="636588" y="628650"/>
          <p14:tracePt t="80105" x="628650" y="628650"/>
          <p14:tracePt t="80112" x="620713" y="620713"/>
          <p14:tracePt t="80119" x="620713" y="611188"/>
          <p14:tracePt t="80125" x="603250" y="603250"/>
          <p14:tracePt t="80132" x="603250" y="595313"/>
          <p14:tracePt t="80139" x="595313" y="585788"/>
          <p14:tracePt t="80147" x="585788" y="577850"/>
          <p14:tracePt t="80160" x="577850" y="569913"/>
          <p14:tracePt t="80167" x="569913" y="569913"/>
          <p14:tracePt t="80174" x="569913" y="560388"/>
          <p14:tracePt t="80188" x="569913" y="552450"/>
          <p14:tracePt t="80196" x="560388" y="552450"/>
          <p14:tracePt t="80209" x="552450" y="552450"/>
          <p14:tracePt t="80223" x="552450" y="544513"/>
          <p14:tracePt t="80244" x="544513" y="534988"/>
          <p14:tracePt t="80257" x="534988" y="534988"/>
          <p14:tracePt t="80265" x="527050" y="534988"/>
          <p14:tracePt t="80285" x="517525" y="527050"/>
          <p14:tracePt t="80292" x="509588" y="527050"/>
          <p14:tracePt t="80299" x="492125" y="527050"/>
          <p14:tracePt t="80305" x="466725" y="519113"/>
          <p14:tracePt t="80313" x="458788" y="519113"/>
          <p14:tracePt t="80319" x="433388" y="519113"/>
          <p14:tracePt t="80327" x="415925" y="519113"/>
          <p14:tracePt t="80333" x="400050" y="509588"/>
          <p14:tracePt t="80340" x="373063" y="509588"/>
          <p14:tracePt t="80347" x="365125" y="501650"/>
          <p14:tracePt t="80353" x="357188" y="501650"/>
          <p14:tracePt t="80363" x="347663" y="501650"/>
          <p14:tracePt t="80368" x="339725" y="501650"/>
          <p14:tracePt t="80381" x="339725" y="492125"/>
          <p14:tracePt t="80389" x="331788" y="492125"/>
          <p14:tracePt t="80395" x="331788" y="484188"/>
          <p14:tracePt t="81600" x="314325" y="458788"/>
          <p14:tracePt t="81606" x="288925" y="425450"/>
          <p14:tracePt t="81613" x="246063" y="374650"/>
          <p14:tracePt t="81620" x="212725" y="322263"/>
          <p14:tracePt t="81627" x="161925" y="263525"/>
          <p14:tracePt t="81634" x="119063" y="212725"/>
          <p14:tracePt t="81641" x="93663" y="161925"/>
          <p14:tracePt t="81648" x="76200" y="111125"/>
          <p14:tracePt t="81655" x="42863" y="58738"/>
          <p14:tracePt t="81662" x="25400" y="25400"/>
          <p14:tracePt t="81668" x="17463" y="0"/>
        </p14:tracePtLst>
      </p14:laserTraceLst>
    </p:ext>
  </p:extLs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221EFB0-1784-4ABD-BCA5-6CDDB3D7993B}"/>
              </a:ext>
            </a:extLst>
          </p:cNvPr>
          <p:cNvSpPr>
            <a:spLocks noGrp="1"/>
          </p:cNvSpPr>
          <p:nvPr>
            <p:ph type="title"/>
          </p:nvPr>
        </p:nvSpPr>
        <p:spPr>
          <a:xfrm>
            <a:off x="982638" y="426127"/>
            <a:ext cx="10104462" cy="972716"/>
          </a:xfrm>
        </p:spPr>
        <p:txBody>
          <a:bodyPr/>
          <a:lstStyle/>
          <a:p>
            <a:r>
              <a:rPr lang="en-US" dirty="0"/>
              <a:t>Conclusion</a:t>
            </a:r>
            <a:endParaRPr lang="en-DK" dirty="0"/>
          </a:p>
        </p:txBody>
      </p:sp>
      <p:sp>
        <p:nvSpPr>
          <p:cNvPr id="3" name="Content Placeholder 2">
            <a:extLst>
              <a:ext uri="{FF2B5EF4-FFF2-40B4-BE49-F238E27FC236}">
                <a16:creationId xmlns:a16="http://schemas.microsoft.com/office/drawing/2014/main" id="{EEDEC3A8-E6F7-4C6D-BD17-A909AC62FF4A}"/>
              </a:ext>
            </a:extLst>
          </p:cNvPr>
          <p:cNvSpPr>
            <a:spLocks noGrp="1"/>
          </p:cNvSpPr>
          <p:nvPr>
            <p:ph idx="1"/>
          </p:nvPr>
        </p:nvSpPr>
        <p:spPr>
          <a:xfrm>
            <a:off x="982638" y="1706328"/>
            <a:ext cx="10104462" cy="4545578"/>
          </a:xfrm>
        </p:spPr>
        <p:txBody>
          <a:bodyPr/>
          <a:lstStyle/>
          <a:p>
            <a:r>
              <a:rPr lang="en-US" dirty="0"/>
              <a:t>Analytical solution developed for the semi-infinite problem</a:t>
            </a:r>
          </a:p>
          <a:p>
            <a:pPr lvl="1"/>
            <a:r>
              <a:rPr lang="en-US" sz="1600" i="1" dirty="0"/>
              <a:t>Compared to numerical calculations using COMSOL</a:t>
            </a:r>
          </a:p>
          <a:p>
            <a:endParaRPr lang="en-US" dirty="0"/>
          </a:p>
          <a:p>
            <a:r>
              <a:rPr lang="en-US" dirty="0"/>
              <a:t>High accuracy of solution for a single probe</a:t>
            </a:r>
          </a:p>
          <a:p>
            <a:pPr lvl="1"/>
            <a:r>
              <a:rPr lang="en-US" sz="1600" i="1" dirty="0"/>
              <a:t>Phase error of 0.05</a:t>
            </a:r>
            <a:r>
              <a:rPr lang="en-DK" sz="1600" b="0" i="0" dirty="0">
                <a:solidFill>
                  <a:srgbClr val="222222"/>
                </a:solidFill>
                <a:effectLst/>
                <a:latin typeface="arial" panose="020B0604020202020204" pitchFamily="34" charset="0"/>
              </a:rPr>
              <a:t>°</a:t>
            </a:r>
            <a:endParaRPr lang="en-US" sz="1600" i="1" dirty="0"/>
          </a:p>
          <a:p>
            <a:pPr lvl="1"/>
            <a:r>
              <a:rPr lang="en-US" sz="1600" i="1" dirty="0"/>
              <a:t>Amplitude error of 0.4%</a:t>
            </a:r>
          </a:p>
          <a:p>
            <a:pPr lvl="1"/>
            <a:endParaRPr lang="en-US" i="1" dirty="0"/>
          </a:p>
          <a:p>
            <a:r>
              <a:rPr lang="en-US" dirty="0"/>
              <a:t>Analytical solution expanded to include two heat sources</a:t>
            </a:r>
          </a:p>
          <a:p>
            <a:pPr lvl="1"/>
            <a:r>
              <a:rPr lang="en-US" sz="1600" i="1" dirty="0"/>
              <a:t>Good agreement between analytic and numerical results</a:t>
            </a:r>
          </a:p>
          <a:p>
            <a:pPr lvl="1"/>
            <a:endParaRPr lang="en-US" i="1" dirty="0"/>
          </a:p>
          <a:p>
            <a:r>
              <a:rPr lang="en-US" dirty="0"/>
              <a:t>Outlook</a:t>
            </a:r>
          </a:p>
          <a:p>
            <a:pPr lvl="1"/>
            <a:r>
              <a:rPr lang="en-US" sz="1600" i="1" dirty="0"/>
              <a:t>Include temperature effects in four-point probe resistance measurements</a:t>
            </a:r>
          </a:p>
          <a:p>
            <a:pPr lvl="1"/>
            <a:endParaRPr lang="en-US" dirty="0"/>
          </a:p>
          <a:p>
            <a:endParaRPr lang="en-DK" dirty="0"/>
          </a:p>
        </p:txBody>
      </p:sp>
      <p:sp>
        <p:nvSpPr>
          <p:cNvPr id="4" name="Footer Placeholder 3">
            <a:extLst>
              <a:ext uri="{FF2B5EF4-FFF2-40B4-BE49-F238E27FC236}">
                <a16:creationId xmlns:a16="http://schemas.microsoft.com/office/drawing/2014/main" id="{807C8A04-9E05-49A2-B70C-D102466474ED}"/>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8C5EC2F7-22DA-4431-B8BC-493893B73E64}"/>
              </a:ext>
            </a:extLst>
          </p:cNvPr>
          <p:cNvSpPr>
            <a:spLocks noGrp="1"/>
          </p:cNvSpPr>
          <p:nvPr>
            <p:ph type="sldNum" sz="quarter" idx="11"/>
          </p:nvPr>
        </p:nvSpPr>
        <p:spPr/>
        <p:txBody>
          <a:bodyPr/>
          <a:lstStyle/>
          <a:p>
            <a:fld id="{103EA872-A674-449B-A120-B97244F8E91D}" type="slidenum">
              <a:rPr lang="en-GB" smtClean="0"/>
              <a:pPr/>
              <a:t>7</a:t>
            </a:fld>
            <a:endParaRPr lang="en-GB" dirty="0"/>
          </a:p>
        </p:txBody>
      </p:sp>
      <p:pic>
        <p:nvPicPr>
          <p:cNvPr id="10" name="Audio 9">
            <a:hlinkClick r:id="" action="ppaction://media"/>
            <a:extLst>
              <a:ext uri="{FF2B5EF4-FFF2-40B4-BE49-F238E27FC236}">
                <a16:creationId xmlns:a16="http://schemas.microsoft.com/office/drawing/2014/main" id="{FC120C6A-A67F-4A72-A256-ACAA1E9C6D4D}"/>
              </a:ext>
            </a:extLst>
          </p:cNvPr>
          <p:cNvPicPr>
            <a:picLocks noChangeAspect="1"/>
          </p:cNvPicPr>
          <p:nvPr>
            <a:audioFile r:link="rId2"/>
            <p:extLst>
              <p:ext uri="{DAA4B4D4-6D71-4841-9C94-3DE7FCFB9230}">
                <p14:media xmlns:p14="http://schemas.microsoft.com/office/powerpoint/2010/main" r:embed="rId1"/>
              </p:ext>
            </p:extLst>
          </p:nvPr>
        </p:nvPicPr>
        <p:blipFill>
          <a:blip r:embed="rId5"/>
          <a:stretch>
            <a:fillRect/>
          </a:stretch>
        </p:blipFill>
        <p:spPr>
          <a:xfrm>
            <a:off x="11487150" y="6154738"/>
            <a:ext cx="487363" cy="487362"/>
          </a:xfrm>
          <a:prstGeom prst="rect">
            <a:avLst/>
          </a:prstGeom>
        </p:spPr>
      </p:pic>
    </p:spTree>
    <p:extLst>
      <p:ext uri="{BB962C8B-B14F-4D97-AF65-F5344CB8AC3E}">
        <p14:creationId xmlns:p14="http://schemas.microsoft.com/office/powerpoint/2010/main" val="3651754506"/>
      </p:ext>
    </p:extLst>
  </p:cSld>
  <p:clrMapOvr>
    <a:masterClrMapping/>
  </p:clrMapOvr>
  <mc:AlternateContent xmlns:mc="http://schemas.openxmlformats.org/markup-compatibility/2006">
    <mc:Choice xmlns:p14="http://schemas.microsoft.com/office/powerpoint/2010/main" Requires="p14">
      <p:transition spd="slow" p14:dur="2000" advTm="69488"/>
    </mc:Choice>
    <mc:Fallback>
      <p:transition spd="slow" advTm="69488"/>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0"/>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10"/>
                </p:tgtEl>
              </p:cMediaNode>
            </p:audio>
          </p:childTnLst>
        </p:cTn>
      </p:par>
    </p:tnLst>
  </p:timing>
  <p:extLst>
    <p:ext uri="{3A86A75C-4F4B-4683-9AE1-C65F6400EC91}">
      <p14:laserTraceLst xmlns:p14="http://schemas.microsoft.com/office/powerpoint/2010/main">
        <p14:tracePtLst>
          <p14:tracePt t="7479" x="755650" y="1852613"/>
          <p14:tracePt t="7484" x="755650" y="1860550"/>
          <p14:tracePt t="7491" x="755650" y="1870075"/>
          <p14:tracePt t="7498" x="765175" y="1878013"/>
          <p14:tracePt t="7505" x="765175" y="1885950"/>
          <p14:tracePt t="7512" x="773113" y="1895475"/>
          <p14:tracePt t="7519" x="773113" y="1903413"/>
          <p14:tracePt t="7526" x="773113" y="1911350"/>
          <p14:tracePt t="7533" x="781050" y="1928813"/>
          <p14:tracePt t="7540" x="790575" y="1954213"/>
          <p14:tracePt t="7547" x="790575" y="1989138"/>
          <p14:tracePt t="7556" x="798513" y="2022475"/>
          <p14:tracePt t="7560" x="806450" y="2047875"/>
          <p14:tracePt t="7568" x="815975" y="2082800"/>
          <p14:tracePt t="7574" x="823913" y="2116138"/>
          <p14:tracePt t="7581" x="823913" y="2149475"/>
          <p14:tracePt t="7589" x="831850" y="2174875"/>
          <p14:tracePt t="7596" x="841375" y="2192338"/>
          <p14:tracePt t="7603" x="849313" y="2217738"/>
          <p14:tracePt t="7610" x="849313" y="2227263"/>
          <p14:tracePt t="7617" x="858838" y="2235200"/>
          <p14:tracePt t="7630" x="858838" y="2243138"/>
          <p14:tracePt t="7638" x="858838" y="2252663"/>
          <p14:tracePt t="7644" x="866775" y="2252663"/>
          <p14:tracePt t="7659" x="866775" y="2260600"/>
          <p14:tracePt t="7665" x="874713" y="2260600"/>
          <p14:tracePt t="7674" x="874713" y="2268538"/>
          <p14:tracePt t="7679" x="884238" y="2268538"/>
          <p14:tracePt t="7686" x="884238" y="2278063"/>
          <p14:tracePt t="7707" x="892175" y="2278063"/>
          <p14:tracePt t="7720" x="900113" y="2286000"/>
          <p14:tracePt t="7735" x="900113" y="2293938"/>
          <p14:tracePt t="7742" x="909638" y="2293938"/>
          <p14:tracePt t="7758" x="917575" y="2293938"/>
          <p14:tracePt t="7776" x="925513" y="2293938"/>
          <p14:tracePt t="7804" x="935038" y="2293938"/>
          <p14:tracePt t="7837" x="935038" y="2286000"/>
          <p14:tracePt t="7864" x="935038" y="2278063"/>
          <p14:tracePt t="18380" x="935038" y="2286000"/>
          <p14:tracePt t="18387" x="925513" y="2303463"/>
          <p14:tracePt t="18393" x="917575" y="2319338"/>
          <p14:tracePt t="18400" x="909638" y="2344738"/>
          <p14:tracePt t="18407" x="900113" y="2379663"/>
          <p14:tracePt t="18414" x="892175" y="2397125"/>
          <p14:tracePt t="18423" x="884238" y="2422525"/>
          <p14:tracePt t="18427" x="874713" y="2438400"/>
          <p14:tracePt t="18439" x="874713" y="2463800"/>
          <p14:tracePt t="18441" x="874713" y="2481263"/>
          <p14:tracePt t="18447" x="866775" y="2498725"/>
          <p14:tracePt t="18454" x="858838" y="2516188"/>
          <p14:tracePt t="18461" x="849313" y="2532063"/>
          <p14:tracePt t="18469" x="849313" y="2549525"/>
          <p14:tracePt t="18474" x="849313" y="2557463"/>
          <p14:tracePt t="18481" x="841375" y="2566988"/>
          <p14:tracePt t="18488" x="841375" y="2574925"/>
          <p14:tracePt t="18495" x="831850" y="2582863"/>
          <p14:tracePt t="18502" x="831850" y="2592388"/>
          <p14:tracePt t="18516" x="831850" y="2608263"/>
          <p14:tracePt t="18523" x="831850" y="2625725"/>
          <p14:tracePt t="18530" x="823913" y="2625725"/>
          <p14:tracePt t="18537" x="823913" y="2651125"/>
          <p14:tracePt t="18544" x="815975" y="2668588"/>
          <p14:tracePt t="18552" x="815975" y="2693988"/>
          <p14:tracePt t="18558" x="806450" y="2719388"/>
          <p14:tracePt t="18565" x="806450" y="2727325"/>
          <p14:tracePt t="18571" x="806450" y="2752725"/>
          <p14:tracePt t="18579" x="806450" y="2770188"/>
          <p14:tracePt t="18592" x="806450" y="2778125"/>
          <p14:tracePt t="18601" x="798513" y="2787650"/>
          <p14:tracePt t="18606" x="798513" y="2795588"/>
          <p14:tracePt t="18620" x="798513" y="2805113"/>
          <p14:tracePt t="18627" x="798513" y="2813050"/>
          <p14:tracePt t="18641" x="798513" y="2830513"/>
          <p14:tracePt t="18649" x="798513" y="2838450"/>
          <p14:tracePt t="18662" x="798513" y="2846388"/>
          <p14:tracePt t="18671" x="798513" y="2855913"/>
          <p14:tracePt t="18683" x="798513" y="2863850"/>
          <p14:tracePt t="18690" x="798513" y="2881313"/>
          <p14:tracePt t="18711" x="798513" y="2889250"/>
          <p14:tracePt t="18717" x="798513" y="2897188"/>
          <p14:tracePt t="18731" x="798513" y="2906713"/>
          <p14:tracePt t="18738" x="798513" y="2914650"/>
          <p14:tracePt t="18745" x="798513" y="2922588"/>
          <p14:tracePt t="18766" x="798513" y="2932113"/>
          <p14:tracePt t="18772" x="798513" y="2940050"/>
          <p14:tracePt t="18786" x="798513" y="2949575"/>
          <p14:tracePt t="18792" x="798513" y="2957513"/>
          <p14:tracePt t="18801" x="798513" y="2965450"/>
          <p14:tracePt t="18807" x="798513" y="2974975"/>
          <p14:tracePt t="18814" x="798513" y="2982913"/>
          <p14:tracePt t="18820" x="806450" y="2990850"/>
          <p14:tracePt t="18828" x="806450" y="3008313"/>
          <p14:tracePt t="18835" x="806450" y="3016250"/>
          <p14:tracePt t="18842" x="815975" y="3025775"/>
          <p14:tracePt t="18848" x="815975" y="3041650"/>
          <p14:tracePt t="18856" x="823913" y="3059113"/>
          <p14:tracePt t="18870" x="823913" y="3076575"/>
          <p14:tracePt t="18877" x="823913" y="3084513"/>
          <p14:tracePt t="18905" x="831850" y="3119438"/>
          <p14:tracePt t="18910" x="831850" y="3127375"/>
          <p14:tracePt t="18924" x="831850" y="3144838"/>
          <p14:tracePt t="18931" x="831850" y="3152775"/>
          <p14:tracePt t="18945" x="831850" y="3160713"/>
          <p14:tracePt t="18952" x="831850" y="3170238"/>
          <p14:tracePt t="18965" x="841375" y="3170238"/>
          <p14:tracePt t="18972" x="841375" y="3178175"/>
          <p14:tracePt t="18979" x="841375" y="3186113"/>
          <p14:tracePt t="18986" x="841375" y="3195638"/>
          <p14:tracePt t="19000" x="841375" y="3203575"/>
          <p14:tracePt t="19014" x="841375" y="3211513"/>
          <p14:tracePt t="19028" x="841375" y="3221038"/>
          <p14:tracePt t="19035" x="841375" y="3228975"/>
          <p14:tracePt t="19041" x="841375" y="3238500"/>
          <p14:tracePt t="19055" x="841375" y="3246438"/>
          <p14:tracePt t="19062" x="841375" y="3254375"/>
          <p14:tracePt t="24902" x="841375" y="3263900"/>
          <p14:tracePt t="24908" x="841375" y="3271838"/>
          <p14:tracePt t="24915" x="841375" y="3279775"/>
          <p14:tracePt t="24924" x="841375" y="3289300"/>
          <p14:tracePt t="24928" x="841375" y="3297238"/>
          <p14:tracePt t="24935" x="841375" y="3305175"/>
          <p14:tracePt t="24943" x="841375" y="3314700"/>
          <p14:tracePt t="24953" x="841375" y="3322638"/>
          <p14:tracePt t="24964" x="841375" y="3340100"/>
          <p14:tracePt t="24971" x="841375" y="3348038"/>
          <p14:tracePt t="24985" x="841375" y="3355975"/>
          <p14:tracePt t="24991" x="841375" y="3373438"/>
          <p14:tracePt t="25004" x="841375" y="3382963"/>
          <p14:tracePt t="25011" x="841375" y="3390900"/>
          <p14:tracePt t="25018" x="841375" y="3398838"/>
          <p14:tracePt t="25025" x="841375" y="3408363"/>
          <p14:tracePt t="25033" x="841375" y="3416300"/>
          <p14:tracePt t="25039" x="841375" y="3424238"/>
          <p14:tracePt t="25045" x="831850" y="3433763"/>
          <p14:tracePt t="25056" x="831850" y="3441700"/>
          <p14:tracePt t="25064" x="831850" y="3449638"/>
          <p14:tracePt t="25072" x="831850" y="3459163"/>
          <p14:tracePt t="25087" x="831850" y="3467100"/>
          <p14:tracePt t="25094" x="831850" y="3475038"/>
          <p14:tracePt t="25101" x="831850" y="3484563"/>
          <p14:tracePt t="25114" x="831850" y="3492500"/>
          <p14:tracePt t="25121" x="831850" y="3502025"/>
          <p14:tracePt t="25142" x="831850" y="3509963"/>
          <p14:tracePt t="25149" x="841375" y="3517900"/>
          <p14:tracePt t="25156" x="841375" y="3527425"/>
          <p14:tracePt t="25185" x="849313" y="3527425"/>
          <p14:tracePt t="25191" x="849313" y="3535363"/>
          <p14:tracePt t="25200" x="858838" y="3535363"/>
          <p14:tracePt t="25206" x="858838" y="3543300"/>
          <p14:tracePt t="25212" x="866775" y="3543300"/>
          <p14:tracePt t="25240" x="874713" y="3552825"/>
          <p14:tracePt t="25254" x="874713" y="3560763"/>
          <p14:tracePt t="25261" x="884238" y="3560763"/>
          <p14:tracePt t="25282" x="884238" y="3568700"/>
          <p14:tracePt t="25288" x="892175" y="3568700"/>
          <p14:tracePt t="25310" x="900113" y="3568700"/>
          <p14:tracePt t="25344" x="900113" y="3560763"/>
          <p14:tracePt t="31872" x="900113" y="3568700"/>
          <p14:tracePt t="31880" x="892175" y="3578225"/>
          <p14:tracePt t="31885" x="892175" y="3603625"/>
          <p14:tracePt t="31893" x="874713" y="3611563"/>
          <p14:tracePt t="31900" x="866775" y="3646488"/>
          <p14:tracePt t="31907" x="858838" y="3671888"/>
          <p14:tracePt t="31915" x="841375" y="3697288"/>
          <p14:tracePt t="31920" x="831850" y="3705225"/>
          <p14:tracePt t="31927" x="823913" y="3730625"/>
          <p14:tracePt t="31934" x="815975" y="3756025"/>
          <p14:tracePt t="31941" x="806450" y="3773488"/>
          <p14:tracePt t="31948" x="790575" y="3798888"/>
          <p14:tracePt t="31955" x="773113" y="3816350"/>
          <p14:tracePt t="31962" x="765175" y="3832225"/>
          <p14:tracePt t="31968" x="755650" y="3849688"/>
          <p14:tracePt t="31976" x="739775" y="3867150"/>
          <p14:tracePt t="31990" x="730250" y="3875088"/>
          <p14:tracePt t="31997" x="722313" y="3892550"/>
          <p14:tracePt t="32003" x="704850" y="3892550"/>
          <p14:tracePt t="32011" x="696913" y="3900488"/>
          <p14:tracePt t="32017" x="679450" y="3917950"/>
          <p14:tracePt t="32025" x="671513" y="3925888"/>
          <p14:tracePt t="32035" x="661988" y="3935413"/>
          <p14:tracePt t="32037" x="646113" y="3943350"/>
          <p14:tracePt t="32045" x="636588" y="3960813"/>
          <p14:tracePt t="32051" x="620713" y="3976688"/>
          <p14:tracePt t="32058" x="611188" y="3986213"/>
          <p14:tracePt t="32066" x="595313" y="3994150"/>
          <p14:tracePt t="32072" x="595313" y="4002088"/>
          <p14:tracePt t="32080" x="577850" y="4011613"/>
          <p14:tracePt t="32093" x="577850" y="4019550"/>
          <p14:tracePt t="32100" x="569913" y="4027488"/>
          <p14:tracePt t="32108" x="560388" y="4037013"/>
          <p14:tracePt t="32114" x="552450" y="4037013"/>
          <p14:tracePt t="32128" x="544513" y="4044950"/>
          <p14:tracePt t="32135" x="534988" y="4052888"/>
          <p14:tracePt t="32155" x="527050" y="4052888"/>
          <p14:tracePt t="32164" x="517525" y="4052888"/>
          <p14:tracePt t="32169" x="509588" y="4062413"/>
          <p14:tracePt t="32183" x="509588" y="4070350"/>
          <p14:tracePt t="32197" x="509588" y="4079875"/>
          <p14:tracePt t="32203" x="501650" y="4079875"/>
          <p14:tracePt t="32225" x="492125" y="4079875"/>
          <p14:tracePt t="32246" x="492125" y="4087813"/>
          <p14:tracePt t="32252" x="484188" y="4087813"/>
          <p14:tracePt t="32259" x="484188" y="4095750"/>
          <p14:tracePt t="32287" x="476250" y="4095750"/>
          <p14:tracePt t="32294" x="476250" y="4105275"/>
          <p14:tracePt t="32301" x="476250" y="4113213"/>
          <p14:tracePt t="32315" x="476250" y="4121150"/>
          <p14:tracePt t="32343" x="476250" y="4130675"/>
          <p14:tracePt t="32357" x="476250" y="4138613"/>
          <p14:tracePt t="38478" x="476250" y="4146550"/>
          <p14:tracePt t="38485" x="476250" y="4156075"/>
          <p14:tracePt t="38491" x="476250" y="4164013"/>
          <p14:tracePt t="38505" x="476250" y="4171950"/>
          <p14:tracePt t="38518" x="476250" y="4181475"/>
          <p14:tracePt t="38532" x="476250" y="4189413"/>
          <p14:tracePt t="38539" x="476250" y="4197350"/>
          <p14:tracePt t="38546" x="476250" y="4206875"/>
          <p14:tracePt t="38559" x="476250" y="4214813"/>
          <p14:tracePt t="38566" x="476250" y="4224338"/>
          <p14:tracePt t="38594" x="476250" y="4232275"/>
          <p14:tracePt t="38609" x="476250" y="4240213"/>
          <p14:tracePt t="38616" x="476250" y="4249738"/>
          <p14:tracePt t="38630" x="476250" y="4257675"/>
          <p14:tracePt t="38636" x="484188" y="4257675"/>
          <p14:tracePt t="38643" x="484188" y="4265613"/>
          <p14:tracePt t="38657" x="484188" y="4275138"/>
          <p14:tracePt t="38671" x="484188" y="4283075"/>
          <p14:tracePt t="38705" x="484188" y="4291013"/>
          <p14:tracePt t="38720" x="484188" y="4300538"/>
          <p14:tracePt t="38733" x="484188" y="4308475"/>
          <p14:tracePt t="38740" x="492125" y="4308475"/>
          <p14:tracePt t="38816" x="492125" y="4291013"/>
          <p14:tracePt t="38821" x="492125" y="4300538"/>
          <p14:tracePt t="43284" x="484188" y="4333875"/>
          <p14:tracePt t="43291" x="466725" y="4384675"/>
          <p14:tracePt t="43297" x="458788" y="4427538"/>
          <p14:tracePt t="43304" x="441325" y="4452938"/>
          <p14:tracePt t="43312" x="433388" y="4486275"/>
          <p14:tracePt t="43319" x="415925" y="4503738"/>
          <p14:tracePt t="43327" x="407988" y="4538663"/>
          <p14:tracePt t="43333" x="407988" y="4554538"/>
          <p14:tracePt t="43339" x="400050" y="4579938"/>
          <p14:tracePt t="43346" x="400050" y="4589463"/>
          <p14:tracePt t="43353" x="400050" y="4614863"/>
          <p14:tracePt t="43360" x="390525" y="4630738"/>
          <p14:tracePt t="43367" x="390525" y="4640263"/>
          <p14:tracePt t="43373" x="382588" y="4657725"/>
          <p14:tracePt t="43380" x="382588" y="4673600"/>
          <p14:tracePt t="43387" x="373063" y="4683125"/>
          <p14:tracePt t="43394" x="373063" y="4699000"/>
          <p14:tracePt t="43401" x="365125" y="4708525"/>
          <p14:tracePt t="43424" x="365125" y="4716463"/>
          <p14:tracePt t="43431" x="365125" y="4724400"/>
          <p14:tracePt t="43446" x="357188" y="4741863"/>
          <p14:tracePt t="43451" x="357188" y="4749800"/>
          <p14:tracePt t="43465" x="357188" y="4767263"/>
          <p14:tracePt t="43472" x="357188" y="4775200"/>
          <p14:tracePt t="43480" x="347663" y="4775200"/>
          <p14:tracePt t="43485" x="347663" y="4792663"/>
          <p14:tracePt t="43493" x="339725" y="4802188"/>
          <p14:tracePt t="43506" x="339725" y="4818063"/>
          <p14:tracePt t="43513" x="339725" y="4827588"/>
          <p14:tracePt t="43528" x="339725" y="4835525"/>
          <p14:tracePt t="43534" x="339725" y="4843463"/>
          <p14:tracePt t="43547" x="339725" y="4852988"/>
          <p14:tracePt t="43555" x="339725" y="4860925"/>
          <p14:tracePt t="43568" x="339725" y="4868863"/>
          <p14:tracePt t="43582" x="339725" y="4878388"/>
          <p14:tracePt t="43596" x="331788" y="4886325"/>
          <p14:tracePt t="43610" x="331788" y="4894263"/>
          <p14:tracePt t="43616" x="331788" y="4903788"/>
          <p14:tracePt t="43630" x="331788" y="4911725"/>
          <p14:tracePt t="43644" x="331788" y="4919663"/>
          <p14:tracePt t="43651" x="331788" y="4929188"/>
          <p14:tracePt t="43658" x="322263" y="4929188"/>
          <p14:tracePt t="43665" x="322263" y="4937125"/>
          <p14:tracePt t="43672" x="314325" y="4946650"/>
          <p14:tracePt t="43693" x="314325" y="4954588"/>
          <p14:tracePt t="43700" x="314325" y="4962525"/>
          <p14:tracePt t="43707" x="314325" y="4972050"/>
          <p14:tracePt t="43714" x="306388" y="4972050"/>
          <p14:tracePt t="43721" x="306388" y="4979988"/>
          <p14:tracePt t="43729" x="306388" y="4987925"/>
          <p14:tracePt t="43748" x="306388" y="4997450"/>
          <p14:tracePt t="43762" x="306388" y="5005388"/>
          <p14:tracePt t="43778" x="296863" y="5013325"/>
          <p14:tracePt t="43796" x="296863" y="5022850"/>
          <p14:tracePt t="43811" x="296863" y="5030788"/>
          <p14:tracePt t="43845" x="296863" y="5038725"/>
          <p14:tracePt t="43858" x="296863" y="5048250"/>
          <p14:tracePt t="43872" x="296863" y="5056188"/>
          <p14:tracePt t="43906" x="296863" y="5064125"/>
          <p14:tracePt t="43948" x="296863" y="5073650"/>
          <p14:tracePt t="43955" x="288925" y="5073650"/>
          <p14:tracePt t="44052" x="288925" y="5064125"/>
          <p14:tracePt t="48473" x="288925" y="5073650"/>
          <p14:tracePt t="48480" x="296863" y="5073650"/>
          <p14:tracePt t="48494" x="306388" y="5081588"/>
          <p14:tracePt t="48513" x="314325" y="5091113"/>
          <p14:tracePt t="48527" x="314325" y="5099050"/>
          <p14:tracePt t="48534" x="322263" y="5099050"/>
          <p14:tracePt t="48548" x="331788" y="5099050"/>
          <p14:tracePt t="48561" x="331788" y="5106988"/>
          <p14:tracePt t="48575" x="331788" y="5116513"/>
          <p14:tracePt t="48582" x="339725" y="5116513"/>
          <p14:tracePt t="48596" x="347663" y="5116513"/>
          <p14:tracePt t="48603" x="347663" y="5124450"/>
          <p14:tracePt t="48624" x="347663" y="5132388"/>
          <p14:tracePt t="48639" x="347663" y="5141913"/>
          <p14:tracePt t="48666" x="357188" y="5149850"/>
          <p14:tracePt t="48680" x="365125" y="5149850"/>
          <p14:tracePt t="48687" x="365125" y="5157788"/>
          <p14:tracePt t="48694" x="373063" y="5157788"/>
          <p14:tracePt t="48715" x="373063" y="5167313"/>
          <p14:tracePt t="48735" x="373063" y="5175250"/>
          <p14:tracePt t="48749" x="373063" y="5183188"/>
          <p14:tracePt t="48784" x="373063" y="5192713"/>
          <p14:tracePt t="48818" x="373063" y="5200650"/>
          <p14:tracePt t="68441" x="373063" y="4843463"/>
          <p14:tracePt t="68449" x="415925" y="4316413"/>
          <p14:tracePt t="68455" x="433388" y="3798888"/>
          <p14:tracePt t="68462" x="425450" y="3305175"/>
          <p14:tracePt t="68470" x="425450" y="2846388"/>
          <p14:tracePt t="68476" x="433388" y="2430463"/>
          <p14:tracePt t="68484" x="433388" y="2030413"/>
          <p14:tracePt t="68490" x="433388" y="1682750"/>
          <p14:tracePt t="68497" x="433388" y="1368425"/>
          <p14:tracePt t="68504" x="466725" y="1062038"/>
          <p14:tracePt t="68511" x="484188" y="858838"/>
          <p14:tracePt t="68520" x="492125" y="671513"/>
          <p14:tracePt t="68525" x="509588" y="458788"/>
          <p14:tracePt t="68532" x="527050" y="280988"/>
          <p14:tracePt t="68539" x="534988" y="152400"/>
          <p14:tracePt t="68545" x="544513" y="33338"/>
        </p14:tracePtLst>
      </p14:laserTraceLst>
    </p:ext>
  </p:extLst>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TIMING" val="|65.3"/>
</p:tagLst>
</file>

<file path=ppt/tags/tag7.xml><?xml version="1.0" encoding="utf-8"?>
<p:tagLst xmlns:a="http://schemas.openxmlformats.org/drawingml/2006/main" xmlns:r="http://schemas.openxmlformats.org/officeDocument/2006/relationships" xmlns:p="http://schemas.openxmlformats.org/presentationml/2006/main">
  <p:tag name="TIMING" val="|43.1|30.7"/>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solidFill>
            <a:schemeClr val="accent2"/>
          </a:solidFill>
          <a:prstDash val="solid"/>
          <a:miter lim="800000"/>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ugMbVBZIRWCSh4/1cFo/8g=="},{"name":"PresentationTitle","value":"fs7fI9or7WdMC6l8+uJ9pwwibtnYUY8QlhPnIUH7qyTvrOG55fM/Vc1TGMm1omiY4WkLQMj7X4ZyoxfR0CMo71lODZeriXvIlt7Yw3A3mBI="}]}]]></TemplafyFormConfiguration>
</file>

<file path=customXml/item2.xml><?xml version="1.0" encoding="utf-8"?>
<TemplafyTemplateConfiguration><![CDATA[{"elementsMetadata":[{"type":"shape","id":"47a9651d-5042-4c84-a5fd-014d20cad826","elementConfiguration":{"binding":"UserProfile.Offices.Workarea_{{DocumentLanguage}}","disableUpdates":false,"type":"text"}},{"type":"shape","id":"1a8fe335-554f-4c48-a3c6-3e4ceeda75ce","elementConfiguration":{"format":"{{DateFormats.GeneralDate}}","binding":"Form.Date","disableUpdates":false,"type":"date"}},{"type":"shape","id":"b1a183d4-08e3-4b17-89cd-ff7332b04f64","elementConfiguration":{"binding":"Form.PresentationTitle","disableUpdates":false,"type":"text"}}],"transformationConfigurations":[{"language":"{{DocumentLanguage}}","disableUpdates":false,"type":"proofingLanguage"}],"templateName":"DTU Template 16_9 - Blue","templateDescription":"","enableDocumentContentUpdater":true,"version":"1.2"}]]></TemplafyTemplateConfiguration>
</file>

<file path=customXml/item3.xml><?xml version="1.0" encoding="utf-8"?>
<TemplafySlideTemplateConfiguration><![CDATA[{"documentContentValidatorConfiguration":{"enableDocumentContentValidator":false,"documentContentValidatorVersion":0},"elementsMetadata":[],"slideId":"636822015789305407","enableDocumentContentUpdater":true,"version":"1.2"}]]></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6822015789305408","enableDocumentContentUpdater":true,"version":"1.2"}]]></TemplafySlideTemplateConfiguration>
</file>

<file path=customXml/itemProps1.xml><?xml version="1.0" encoding="utf-8"?>
<ds:datastoreItem xmlns:ds="http://schemas.openxmlformats.org/officeDocument/2006/customXml" ds:itemID="{C086A146-0E09-4AA0-A3DC-33B2C18DA71A}">
  <ds:schemaRefs/>
</ds:datastoreItem>
</file>

<file path=customXml/itemProps2.xml><?xml version="1.0" encoding="utf-8"?>
<ds:datastoreItem xmlns:ds="http://schemas.openxmlformats.org/officeDocument/2006/customXml" ds:itemID="{1334258C-C3E7-4029-A615-C886A240FB15}">
  <ds:schemaRefs/>
</ds:datastoreItem>
</file>

<file path=customXml/itemProps3.xml><?xml version="1.0" encoding="utf-8"?>
<ds:datastoreItem xmlns:ds="http://schemas.openxmlformats.org/officeDocument/2006/customXml" ds:itemID="{FEB336AD-412E-4A6A-BBCC-D419DF141969}">
  <ds:schemaRefs/>
</ds:datastoreItem>
</file>

<file path=customXml/itemProps4.xml><?xml version="1.0" encoding="utf-8"?>
<ds:datastoreItem xmlns:ds="http://schemas.openxmlformats.org/officeDocument/2006/customXml" ds:itemID="{67FA1DAD-F71B-4C9A-9254-C5592BC33837}">
  <ds:schemaRefs/>
</ds:datastoreItem>
</file>

<file path=customXml/itemProps5.xml><?xml version="1.0" encoding="utf-8"?>
<ds:datastoreItem xmlns:ds="http://schemas.openxmlformats.org/officeDocument/2006/customXml" ds:itemID="{09A4C5C1-E379-42C2-9CE4-96EAD0C517EB}">
  <ds:schemaRefs/>
</ds:datastoreItem>
</file>

<file path=customXml/itemProps6.xml><?xml version="1.0" encoding="utf-8"?>
<ds:datastoreItem xmlns:ds="http://schemas.openxmlformats.org/officeDocument/2006/customXml" ds:itemID="{B917EF7A-B11F-4137-A061-E3AFCEC45668}">
  <ds:schemaRefs/>
</ds:datastoreItem>
</file>

<file path=docProps/app.xml><?xml version="1.0" encoding="utf-8"?>
<Properties xmlns="http://schemas.openxmlformats.org/officeDocument/2006/extended-properties" xmlns:vt="http://schemas.openxmlformats.org/officeDocument/2006/docPropsVTypes">
  <Template>1 DTU Template</Template>
  <TotalTime>2060</TotalTime>
  <Words>2138</Words>
  <Application>Microsoft Office PowerPoint</Application>
  <PresentationFormat>Custom</PresentationFormat>
  <Paragraphs>134</Paragraphs>
  <Slides>7</Slides>
  <Notes>7</Notes>
  <HiddenSlides>0</HiddenSlides>
  <MMClips>7</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7</vt:i4>
      </vt:variant>
    </vt:vector>
  </HeadingPairs>
  <TitlesOfParts>
    <vt:vector size="14" baseType="lpstr">
      <vt:lpstr>Arial</vt:lpstr>
      <vt:lpstr>Arial</vt:lpstr>
      <vt:lpstr>Calibri</vt:lpstr>
      <vt:lpstr>Cambria Math</vt:lpstr>
      <vt:lpstr>Times New Roman</vt:lpstr>
      <vt:lpstr>Verdana</vt:lpstr>
      <vt:lpstr>Blank</vt:lpstr>
      <vt:lpstr>Time-dependent temperature response in bulk materials from two heat sources</vt:lpstr>
      <vt:lpstr>Introduction</vt:lpstr>
      <vt:lpstr>Theory and model</vt:lpstr>
      <vt:lpstr>Simulations</vt:lpstr>
      <vt:lpstr>Results – Single probe </vt:lpstr>
      <vt:lpstr>Results – Two probes</vt:lpstr>
      <vt:lpstr>Conclusi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Andreas Raimund Stilling-Andersen</cp:lastModifiedBy>
  <cp:revision>95</cp:revision>
  <dcterms:created xsi:type="dcterms:W3CDTF">2017-07-31T08:31:56Z</dcterms:created>
  <dcterms:modified xsi:type="dcterms:W3CDTF">2020-09-24T19:00:0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imeStamp">
    <vt:lpwstr>2019-01-04T12:26:18.5555378Z</vt:lpwstr>
  </property>
  <property fmtid="{D5CDD505-2E9C-101B-9397-08002B2CF9AE}" pid="4" name="TemplafyTenantId">
    <vt:lpwstr>dtu</vt:lpwstr>
  </property>
  <property fmtid="{D5CDD505-2E9C-101B-9397-08002B2CF9AE}" pid="5" name="TemplafyTemplateId">
    <vt:lpwstr>636806498783428984</vt:lpwstr>
  </property>
  <property fmtid="{D5CDD505-2E9C-101B-9397-08002B2CF9AE}" pid="6" name="TemplafyUserProfileId">
    <vt:lpwstr>636694137524746817</vt:lpwstr>
  </property>
  <property fmtid="{D5CDD505-2E9C-101B-9397-08002B2CF9AE}" pid="7" name="TemplafyLanguageCode">
    <vt:lpwstr>en-GB</vt:lpwstr>
  </property>
</Properties>
</file>